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ink/ink1.xml" ContentType="application/inkml+xml"/>
  <Override PartName="/ppt/ink/ink2.xml" ContentType="application/inkml+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1.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ink/ink3.xml" ContentType="application/inkml+xml"/>
  <Override PartName="/ppt/ink/ink4.xml" ContentType="application/inkml+xml"/>
  <Override PartName="/ppt/ink/ink5.xml" ContentType="application/inkml+xml"/>
  <Override PartName="/ppt/ink/ink6.xml" ContentType="application/inkml+xml"/>
  <Override PartName="/ppt/ink/ink7.xml" ContentType="application/inkml+xml"/>
  <Override PartName="/ppt/ink/ink8.xml" ContentType="application/inkml+xml"/>
  <Override PartName="/ppt/ink/ink9.xml" ContentType="application/inkml+xml"/>
  <Override PartName="/ppt/ink/ink10.xml" ContentType="application/inkml+xml"/>
  <Override PartName="/ppt/ink/ink11.xml" ContentType="application/inkml+xml"/>
  <Override PartName="/ppt/ink/ink12.xml" ContentType="application/inkml+xml"/>
  <Override PartName="/ppt/ink/ink13.xml" ContentType="application/inkml+xml"/>
  <Override PartName="/ppt/ink/ink14.xml" ContentType="application/inkml+xml"/>
  <Override PartName="/ppt/ink/ink15.xml" ContentType="application/inkml+xml"/>
  <Override PartName="/ppt/ink/ink16.xml" ContentType="application/inkml+xml"/>
  <Override PartName="/ppt/ink/ink17.xml" ContentType="application/inkml+xml"/>
  <Override PartName="/ppt/ink/ink18.xml" ContentType="application/inkml+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1" r:id="rId4"/>
  </p:sldMasterIdLst>
  <p:notesMasterIdLst>
    <p:notesMasterId r:id="rId18"/>
  </p:notesMasterIdLst>
  <p:sldIdLst>
    <p:sldId id="266" r:id="rId5"/>
    <p:sldId id="258" r:id="rId6"/>
    <p:sldId id="264" r:id="rId7"/>
    <p:sldId id="268" r:id="rId8"/>
    <p:sldId id="278" r:id="rId9"/>
    <p:sldId id="269" r:id="rId10"/>
    <p:sldId id="277" r:id="rId11"/>
    <p:sldId id="270" r:id="rId12"/>
    <p:sldId id="272" r:id="rId13"/>
    <p:sldId id="273" r:id="rId14"/>
    <p:sldId id="274" r:id="rId15"/>
    <p:sldId id="275" r:id="rId16"/>
    <p:sldId id="276" r:id="rId17"/>
  </p:sldIdLst>
  <p:sldSz cx="9906000" cy="6858000" type="A4"/>
  <p:notesSz cx="6797675" cy="9926638"/>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0C63E"/>
    <a:srgbClr val="D8A030"/>
    <a:srgbClr val="E8B42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C05FE75-D5BF-3489-CF1B-A9A18DFE43B5}" v="223" dt="2026-02-17T10:10:55.559"/>
    <p1510:client id="{59E90F21-8FC2-4B6C-AAAD-D982129411F3}" v="362" dt="2026-02-17T11:35:53.77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microsoft.com/office/2015/10/relationships/revisionInfo" Target="revisionInfo.xml"/><Relationship Id="rId5" Type="http://schemas.openxmlformats.org/officeDocument/2006/relationships/slide" Target="slides/slide1.xml"/><Relationship Id="rId15" Type="http://schemas.openxmlformats.org/officeDocument/2006/relationships/slide" Target="slides/slide11.xml"/><Relationship Id="rId23" Type="http://schemas.microsoft.com/office/2016/11/relationships/changesInfo" Target="changesInfos/changesInfo1.xml"/><Relationship Id="rId10" Type="http://schemas.openxmlformats.org/officeDocument/2006/relationships/slide" Target="slides/slide6.xml"/><Relationship Id="rId19"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Odhran Galvin" userId="d8cda971-c518-481f-832c-b450a89c6418" providerId="ADAL" clId="{3CBB1E17-8F1D-4AD6-816B-E290B9DEFB3B}"/>
    <pc:docChg chg="undo custSel addSld delSld modSld">
      <pc:chgData name="Odhran Galvin" userId="d8cda971-c518-481f-832c-b450a89c6418" providerId="ADAL" clId="{3CBB1E17-8F1D-4AD6-816B-E290B9DEFB3B}" dt="2026-02-17T11:35:53.778" v="6816" actId="14100"/>
      <pc:docMkLst>
        <pc:docMk/>
      </pc:docMkLst>
      <pc:sldChg chg="addSp modSp mod">
        <pc:chgData name="Odhran Galvin" userId="d8cda971-c518-481f-832c-b450a89c6418" providerId="ADAL" clId="{3CBB1E17-8F1D-4AD6-816B-E290B9DEFB3B}" dt="2026-02-16T13:07:17.214" v="3731" actId="1076"/>
        <pc:sldMkLst>
          <pc:docMk/>
          <pc:sldMk cId="89788906" sldId="258"/>
        </pc:sldMkLst>
        <pc:spChg chg="mod">
          <ac:chgData name="Odhran Galvin" userId="d8cda971-c518-481f-832c-b450a89c6418" providerId="ADAL" clId="{3CBB1E17-8F1D-4AD6-816B-E290B9DEFB3B}" dt="2026-02-16T13:07:12.176" v="3729" actId="1076"/>
          <ac:spMkLst>
            <pc:docMk/>
            <pc:sldMk cId="89788906" sldId="258"/>
            <ac:spMk id="7" creationId="{BA9B8B1D-8813-4C6B-CA97-B40411884F90}"/>
          </ac:spMkLst>
        </pc:spChg>
        <pc:spChg chg="mod">
          <ac:chgData name="Odhran Galvin" userId="d8cda971-c518-481f-832c-b450a89c6418" providerId="ADAL" clId="{3CBB1E17-8F1D-4AD6-816B-E290B9DEFB3B}" dt="2026-02-16T13:07:09.294" v="3728" actId="1076"/>
          <ac:spMkLst>
            <pc:docMk/>
            <pc:sldMk cId="89788906" sldId="258"/>
            <ac:spMk id="8" creationId="{327FD144-021F-305E-7DF0-4BC98DE5A74A}"/>
          </ac:spMkLst>
        </pc:spChg>
        <pc:spChg chg="mod">
          <ac:chgData name="Odhran Galvin" userId="d8cda971-c518-481f-832c-b450a89c6418" providerId="ADAL" clId="{3CBB1E17-8F1D-4AD6-816B-E290B9DEFB3B}" dt="2026-02-16T13:07:17.214" v="3731" actId="1076"/>
          <ac:spMkLst>
            <pc:docMk/>
            <pc:sldMk cId="89788906" sldId="258"/>
            <ac:spMk id="25" creationId="{F2A8048E-1816-1641-990F-7862A6C744CE}"/>
          </ac:spMkLst>
        </pc:spChg>
        <pc:spChg chg="mod ord">
          <ac:chgData name="Odhran Galvin" userId="d8cda971-c518-481f-832c-b450a89c6418" providerId="ADAL" clId="{3CBB1E17-8F1D-4AD6-816B-E290B9DEFB3B}" dt="2026-02-16T13:06:58.406" v="3724" actId="14100"/>
          <ac:spMkLst>
            <pc:docMk/>
            <pc:sldMk cId="89788906" sldId="258"/>
            <ac:spMk id="27" creationId="{0BAC329F-828F-3548-B1F5-915ADA140274}"/>
          </ac:spMkLst>
        </pc:spChg>
        <pc:spChg chg="mod">
          <ac:chgData name="Odhran Galvin" userId="d8cda971-c518-481f-832c-b450a89c6418" providerId="ADAL" clId="{3CBB1E17-8F1D-4AD6-816B-E290B9DEFB3B}" dt="2026-02-16T13:06:48.825" v="3720" actId="1076"/>
          <ac:spMkLst>
            <pc:docMk/>
            <pc:sldMk cId="89788906" sldId="258"/>
            <ac:spMk id="29" creationId="{17F5337E-78AC-3240-A550-AF21BCB4671E}"/>
          </ac:spMkLst>
        </pc:spChg>
        <pc:spChg chg="mod">
          <ac:chgData name="Odhran Galvin" userId="d8cda971-c518-481f-832c-b450a89c6418" providerId="ADAL" clId="{3CBB1E17-8F1D-4AD6-816B-E290B9DEFB3B}" dt="2026-02-16T13:07:14.657" v="3730" actId="1076"/>
          <ac:spMkLst>
            <pc:docMk/>
            <pc:sldMk cId="89788906" sldId="258"/>
            <ac:spMk id="58" creationId="{42B31397-D90F-C68B-0A45-7E13350D98B9}"/>
          </ac:spMkLst>
        </pc:spChg>
        <pc:picChg chg="mod">
          <ac:chgData name="Odhran Galvin" userId="d8cda971-c518-481f-832c-b450a89c6418" providerId="ADAL" clId="{3CBB1E17-8F1D-4AD6-816B-E290B9DEFB3B}" dt="2026-02-16T13:06:45.533" v="3719" actId="1076"/>
          <ac:picMkLst>
            <pc:docMk/>
            <pc:sldMk cId="89788906" sldId="258"/>
            <ac:picMk id="4" creationId="{C7A110E0-C82F-1299-8248-1B4F7F79B4E6}"/>
          </ac:picMkLst>
        </pc:picChg>
        <pc:picChg chg="add mod">
          <ac:chgData name="Odhran Galvin" userId="d8cda971-c518-481f-832c-b450a89c6418" providerId="ADAL" clId="{3CBB1E17-8F1D-4AD6-816B-E290B9DEFB3B}" dt="2026-02-12T15:39:41.143" v="39" actId="207"/>
          <ac:picMkLst>
            <pc:docMk/>
            <pc:sldMk cId="89788906" sldId="258"/>
            <ac:picMk id="5" creationId="{6828176A-340F-4EB2-0698-9C95126CF722}"/>
          </ac:picMkLst>
        </pc:picChg>
        <pc:picChg chg="mod">
          <ac:chgData name="Odhran Galvin" userId="d8cda971-c518-481f-832c-b450a89c6418" providerId="ADAL" clId="{3CBB1E17-8F1D-4AD6-816B-E290B9DEFB3B}" dt="2026-02-16T13:07:06.976" v="3727" actId="1076"/>
          <ac:picMkLst>
            <pc:docMk/>
            <pc:sldMk cId="89788906" sldId="258"/>
            <ac:picMk id="10" creationId="{80CFDA09-E627-547D-295A-188F3585E8A9}"/>
          </ac:picMkLst>
        </pc:picChg>
      </pc:sldChg>
      <pc:sldChg chg="addSp modSp mod">
        <pc:chgData name="Odhran Galvin" userId="d8cda971-c518-481f-832c-b450a89c6418" providerId="ADAL" clId="{3CBB1E17-8F1D-4AD6-816B-E290B9DEFB3B}" dt="2026-02-16T15:57:04.754" v="5799" actId="14100"/>
        <pc:sldMkLst>
          <pc:docMk/>
          <pc:sldMk cId="3893935236" sldId="264"/>
        </pc:sldMkLst>
        <pc:spChg chg="add mod ord">
          <ac:chgData name="Odhran Galvin" userId="d8cda971-c518-481f-832c-b450a89c6418" providerId="ADAL" clId="{3CBB1E17-8F1D-4AD6-816B-E290B9DEFB3B}" dt="2026-02-16T15:57:04.754" v="5799" actId="14100"/>
          <ac:spMkLst>
            <pc:docMk/>
            <pc:sldMk cId="3893935236" sldId="264"/>
            <ac:spMk id="4" creationId="{9CAF931E-ED67-2237-904A-B6B056F66787}"/>
          </ac:spMkLst>
        </pc:spChg>
        <pc:spChg chg="add mod">
          <ac:chgData name="Odhran Galvin" userId="d8cda971-c518-481f-832c-b450a89c6418" providerId="ADAL" clId="{3CBB1E17-8F1D-4AD6-816B-E290B9DEFB3B}" dt="2026-02-16T15:56:15.729" v="5792" actId="688"/>
          <ac:spMkLst>
            <pc:docMk/>
            <pc:sldMk cId="3893935236" sldId="264"/>
            <ac:spMk id="9" creationId="{1C560C8E-9897-BD27-2B31-C6131F468162}"/>
          </ac:spMkLst>
        </pc:spChg>
        <pc:spChg chg="mod">
          <ac:chgData name="Odhran Galvin" userId="d8cda971-c518-481f-832c-b450a89c6418" providerId="ADAL" clId="{3CBB1E17-8F1D-4AD6-816B-E290B9DEFB3B}" dt="2026-02-16T15:56:40.758" v="5798" actId="14100"/>
          <ac:spMkLst>
            <pc:docMk/>
            <pc:sldMk cId="3893935236" sldId="264"/>
            <ac:spMk id="13" creationId="{1670F225-8DF4-9CCA-9A7A-3F003CE22F5A}"/>
          </ac:spMkLst>
        </pc:spChg>
        <pc:spChg chg="mod">
          <ac:chgData name="Odhran Galvin" userId="d8cda971-c518-481f-832c-b450a89c6418" providerId="ADAL" clId="{3CBB1E17-8F1D-4AD6-816B-E290B9DEFB3B}" dt="2026-02-16T15:56:31.491" v="5795" actId="14100"/>
          <ac:spMkLst>
            <pc:docMk/>
            <pc:sldMk cId="3893935236" sldId="264"/>
            <ac:spMk id="23" creationId="{B4B1A803-017C-211C-7249-1D2DF0573FC0}"/>
          </ac:spMkLst>
        </pc:spChg>
        <pc:spChg chg="mod">
          <ac:chgData name="Odhran Galvin" userId="d8cda971-c518-481f-832c-b450a89c6418" providerId="ADAL" clId="{3CBB1E17-8F1D-4AD6-816B-E290B9DEFB3B}" dt="2026-02-16T15:56:33.288" v="5796" actId="14100"/>
          <ac:spMkLst>
            <pc:docMk/>
            <pc:sldMk cId="3893935236" sldId="264"/>
            <ac:spMk id="24" creationId="{88F14DBE-CB4E-183F-38AB-19AD65C98112}"/>
          </ac:spMkLst>
        </pc:spChg>
        <pc:picChg chg="add mod">
          <ac:chgData name="Odhran Galvin" userId="d8cda971-c518-481f-832c-b450a89c6418" providerId="ADAL" clId="{3CBB1E17-8F1D-4AD6-816B-E290B9DEFB3B}" dt="2026-02-12T15:39:43.495" v="40"/>
          <ac:picMkLst>
            <pc:docMk/>
            <pc:sldMk cId="3893935236" sldId="264"/>
            <ac:picMk id="2" creationId="{C55501E2-A9B7-CD67-B59F-C932EE8B88E6}"/>
          </ac:picMkLst>
        </pc:picChg>
        <pc:picChg chg="mod">
          <ac:chgData name="Odhran Galvin" userId="d8cda971-c518-481f-832c-b450a89c6418" providerId="ADAL" clId="{3CBB1E17-8F1D-4AD6-816B-E290B9DEFB3B}" dt="2026-02-16T15:56:12.381" v="5791" actId="1076"/>
          <ac:picMkLst>
            <pc:docMk/>
            <pc:sldMk cId="3893935236" sldId="264"/>
            <ac:picMk id="3" creationId="{C8F8A2A0-26F8-6DBA-0B83-D73599B842AD}"/>
          </ac:picMkLst>
        </pc:picChg>
        <pc:picChg chg="mod">
          <ac:chgData name="Odhran Galvin" userId="d8cda971-c518-481f-832c-b450a89c6418" providerId="ADAL" clId="{3CBB1E17-8F1D-4AD6-816B-E290B9DEFB3B}" dt="2026-02-16T15:56:38.317" v="5797" actId="14100"/>
          <ac:picMkLst>
            <pc:docMk/>
            <pc:sldMk cId="3893935236" sldId="264"/>
            <ac:picMk id="5" creationId="{C0685E05-4B9C-EB70-7807-3E38514491D3}"/>
          </ac:picMkLst>
        </pc:picChg>
        <pc:picChg chg="add mod">
          <ac:chgData name="Odhran Galvin" userId="d8cda971-c518-481f-832c-b450a89c6418" providerId="ADAL" clId="{3CBB1E17-8F1D-4AD6-816B-E290B9DEFB3B}" dt="2026-02-16T15:56:00.305" v="5786" actId="1076"/>
          <ac:picMkLst>
            <pc:docMk/>
            <pc:sldMk cId="3893935236" sldId="264"/>
            <ac:picMk id="8" creationId="{09E4480D-9C0E-DC21-DE66-038235BA4BA4}"/>
          </ac:picMkLst>
        </pc:picChg>
      </pc:sldChg>
      <pc:sldChg chg="addSp delSp modSp mod">
        <pc:chgData name="Odhran Galvin" userId="d8cda971-c518-481f-832c-b450a89c6418" providerId="ADAL" clId="{3CBB1E17-8F1D-4AD6-816B-E290B9DEFB3B}" dt="2026-02-17T11:35:12.358" v="6804" actId="1076"/>
        <pc:sldMkLst>
          <pc:docMk/>
          <pc:sldMk cId="489190501" sldId="266"/>
        </pc:sldMkLst>
        <pc:spChg chg="mod ord">
          <ac:chgData name="Odhran Galvin" userId="d8cda971-c518-481f-832c-b450a89c6418" providerId="ADAL" clId="{3CBB1E17-8F1D-4AD6-816B-E290B9DEFB3B}" dt="2026-02-17T11:34:59.494" v="6802" actId="1076"/>
          <ac:spMkLst>
            <pc:docMk/>
            <pc:sldMk cId="489190501" sldId="266"/>
            <ac:spMk id="4" creationId="{9D1603A8-B106-49C8-9A85-772F771CEA7B}"/>
          </ac:spMkLst>
        </pc:spChg>
        <pc:spChg chg="add del mod">
          <ac:chgData name="Odhran Galvin" userId="d8cda971-c518-481f-832c-b450a89c6418" providerId="ADAL" clId="{3CBB1E17-8F1D-4AD6-816B-E290B9DEFB3B}" dt="2026-02-16T15:59:24.111" v="5815" actId="478"/>
          <ac:spMkLst>
            <pc:docMk/>
            <pc:sldMk cId="489190501" sldId="266"/>
            <ac:spMk id="7" creationId="{1268231A-F2CB-5F84-8A22-6E5D2C0F9DB2}"/>
          </ac:spMkLst>
        </pc:spChg>
        <pc:picChg chg="add del mod ord">
          <ac:chgData name="Odhran Galvin" userId="d8cda971-c518-481f-832c-b450a89c6418" providerId="ADAL" clId="{3CBB1E17-8F1D-4AD6-816B-E290B9DEFB3B}" dt="2026-02-16T15:57:40.415" v="5805" actId="478"/>
          <ac:picMkLst>
            <pc:docMk/>
            <pc:sldMk cId="489190501" sldId="266"/>
            <ac:picMk id="3" creationId="{4D4689E5-3771-CC6A-EABA-93DC70541CA6}"/>
          </ac:picMkLst>
        </pc:picChg>
        <pc:picChg chg="add mod ord">
          <ac:chgData name="Odhran Galvin" userId="d8cda971-c518-481f-832c-b450a89c6418" providerId="ADAL" clId="{3CBB1E17-8F1D-4AD6-816B-E290B9DEFB3B}" dt="2026-02-17T11:35:12.358" v="6804" actId="1076"/>
          <ac:picMkLst>
            <pc:docMk/>
            <pc:sldMk cId="489190501" sldId="266"/>
            <ac:picMk id="6" creationId="{BB917237-26D7-1530-71A4-7D1F5FF9FEA1}"/>
          </ac:picMkLst>
        </pc:picChg>
        <pc:picChg chg="mod ord">
          <ac:chgData name="Odhran Galvin" userId="d8cda971-c518-481f-832c-b450a89c6418" providerId="ADAL" clId="{3CBB1E17-8F1D-4AD6-816B-E290B9DEFB3B}" dt="2026-02-17T11:33:40.579" v="6790" actId="29295"/>
          <ac:picMkLst>
            <pc:docMk/>
            <pc:sldMk cId="489190501" sldId="266"/>
            <ac:picMk id="11" creationId="{619AA282-993C-4C2A-A8A5-D37A64905398}"/>
          </ac:picMkLst>
        </pc:picChg>
        <pc:picChg chg="mod">
          <ac:chgData name="Odhran Galvin" userId="d8cda971-c518-481f-832c-b450a89c6418" providerId="ADAL" clId="{3CBB1E17-8F1D-4AD6-816B-E290B9DEFB3B}" dt="2026-02-17T11:34:20.843" v="6799" actId="14100"/>
          <ac:picMkLst>
            <pc:docMk/>
            <pc:sldMk cId="489190501" sldId="266"/>
            <ac:picMk id="12" creationId="{123626AC-1355-4AB8-B034-146B7B48F9BE}"/>
          </ac:picMkLst>
        </pc:picChg>
        <pc:picChg chg="mod">
          <ac:chgData name="Odhran Galvin" userId="d8cda971-c518-481f-832c-b450a89c6418" providerId="ADAL" clId="{3CBB1E17-8F1D-4AD6-816B-E290B9DEFB3B}" dt="2026-02-16T15:58:03.402" v="5809" actId="1076"/>
          <ac:picMkLst>
            <pc:docMk/>
            <pc:sldMk cId="489190501" sldId="266"/>
            <ac:picMk id="1026" creationId="{991627A1-2F76-4334-575A-4C7B833AE0BD}"/>
          </ac:picMkLst>
        </pc:picChg>
      </pc:sldChg>
      <pc:sldChg chg="addSp delSp modSp mod">
        <pc:chgData name="Odhran Galvin" userId="d8cda971-c518-481f-832c-b450a89c6418" providerId="ADAL" clId="{3CBB1E17-8F1D-4AD6-816B-E290B9DEFB3B}" dt="2026-02-16T16:51:38.906" v="5869" actId="1076"/>
        <pc:sldMkLst>
          <pc:docMk/>
          <pc:sldMk cId="965379252" sldId="268"/>
        </pc:sldMkLst>
        <pc:spChg chg="add mod">
          <ac:chgData name="Odhran Galvin" userId="d8cda971-c518-481f-832c-b450a89c6418" providerId="ADAL" clId="{3CBB1E17-8F1D-4AD6-816B-E290B9DEFB3B}" dt="2026-02-16T15:14:31.813" v="3800" actId="14100"/>
          <ac:spMkLst>
            <pc:docMk/>
            <pc:sldMk cId="965379252" sldId="268"/>
            <ac:spMk id="2" creationId="{CA1DBF2E-BAA6-6577-550A-CD7EED83BA67}"/>
          </ac:spMkLst>
        </pc:spChg>
        <pc:spChg chg="mod">
          <ac:chgData name="Odhran Galvin" userId="d8cda971-c518-481f-832c-b450a89c6418" providerId="ADAL" clId="{3CBB1E17-8F1D-4AD6-816B-E290B9DEFB3B}" dt="2026-02-16T16:51:38.906" v="5869" actId="1076"/>
          <ac:spMkLst>
            <pc:docMk/>
            <pc:sldMk cId="965379252" sldId="268"/>
            <ac:spMk id="6" creationId="{1ABD4C1E-FBF8-FBA0-2235-929ED9BFB151}"/>
          </ac:spMkLst>
        </pc:spChg>
        <pc:spChg chg="del">
          <ac:chgData name="Odhran Galvin" userId="d8cda971-c518-481f-832c-b450a89c6418" providerId="ADAL" clId="{3CBB1E17-8F1D-4AD6-816B-E290B9DEFB3B}" dt="2026-02-16T15:09:43.274" v="3741" actId="478"/>
          <ac:spMkLst>
            <pc:docMk/>
            <pc:sldMk cId="965379252" sldId="268"/>
            <ac:spMk id="7" creationId="{790A307C-94D2-44BD-8578-7BCDBE9A7453}"/>
          </ac:spMkLst>
        </pc:spChg>
        <pc:spChg chg="del mod">
          <ac:chgData name="Odhran Galvin" userId="d8cda971-c518-481f-832c-b450a89c6418" providerId="ADAL" clId="{3CBB1E17-8F1D-4AD6-816B-E290B9DEFB3B}" dt="2026-02-16T15:09:42.614" v="3740" actId="478"/>
          <ac:spMkLst>
            <pc:docMk/>
            <pc:sldMk cId="965379252" sldId="268"/>
            <ac:spMk id="8" creationId="{CD84C451-34CC-717A-053A-E1F066F32942}"/>
          </ac:spMkLst>
        </pc:spChg>
        <pc:spChg chg="del">
          <ac:chgData name="Odhran Galvin" userId="d8cda971-c518-481f-832c-b450a89c6418" providerId="ADAL" clId="{3CBB1E17-8F1D-4AD6-816B-E290B9DEFB3B}" dt="2026-02-16T15:09:55.186" v="3748" actId="478"/>
          <ac:spMkLst>
            <pc:docMk/>
            <pc:sldMk cId="965379252" sldId="268"/>
            <ac:spMk id="9" creationId="{823A0A93-C7AD-CC93-D4C9-8722654B64C6}"/>
          </ac:spMkLst>
        </pc:spChg>
        <pc:spChg chg="del mod">
          <ac:chgData name="Odhran Galvin" userId="d8cda971-c518-481f-832c-b450a89c6418" providerId="ADAL" clId="{3CBB1E17-8F1D-4AD6-816B-E290B9DEFB3B}" dt="2026-02-16T15:09:40.141" v="3738" actId="478"/>
          <ac:spMkLst>
            <pc:docMk/>
            <pc:sldMk cId="965379252" sldId="268"/>
            <ac:spMk id="10" creationId="{B709B9FA-3F7E-9524-5FCE-88B2C4369FF6}"/>
          </ac:spMkLst>
        </pc:spChg>
        <pc:spChg chg="del">
          <ac:chgData name="Odhran Galvin" userId="d8cda971-c518-481f-832c-b450a89c6418" providerId="ADAL" clId="{3CBB1E17-8F1D-4AD6-816B-E290B9DEFB3B}" dt="2026-02-16T15:09:53.009" v="3746" actId="478"/>
          <ac:spMkLst>
            <pc:docMk/>
            <pc:sldMk cId="965379252" sldId="268"/>
            <ac:spMk id="11" creationId="{4795DD8B-1C4B-C7D9-543E-3CD99560DEE1}"/>
          </ac:spMkLst>
        </pc:spChg>
        <pc:spChg chg="del mod">
          <ac:chgData name="Odhran Galvin" userId="d8cda971-c518-481f-832c-b450a89c6418" providerId="ADAL" clId="{3CBB1E17-8F1D-4AD6-816B-E290B9DEFB3B}" dt="2026-02-16T15:09:40.772" v="3739" actId="478"/>
          <ac:spMkLst>
            <pc:docMk/>
            <pc:sldMk cId="965379252" sldId="268"/>
            <ac:spMk id="12" creationId="{BC674D5A-7AF9-6905-6B9D-648E87EC8267}"/>
          </ac:spMkLst>
        </pc:spChg>
        <pc:spChg chg="add mod">
          <ac:chgData name="Odhran Galvin" userId="d8cda971-c518-481f-832c-b450a89c6418" providerId="ADAL" clId="{3CBB1E17-8F1D-4AD6-816B-E290B9DEFB3B}" dt="2026-02-16T15:51:02.089" v="5613" actId="14100"/>
          <ac:spMkLst>
            <pc:docMk/>
            <pc:sldMk cId="965379252" sldId="268"/>
            <ac:spMk id="17" creationId="{61E8148A-192D-47EC-5252-0071CC777B94}"/>
          </ac:spMkLst>
        </pc:spChg>
        <pc:spChg chg="add mod">
          <ac:chgData name="Odhran Galvin" userId="d8cda971-c518-481f-832c-b450a89c6418" providerId="ADAL" clId="{3CBB1E17-8F1D-4AD6-816B-E290B9DEFB3B}" dt="2026-02-16T15:14:33.878" v="3801" actId="1076"/>
          <ac:spMkLst>
            <pc:docMk/>
            <pc:sldMk cId="965379252" sldId="268"/>
            <ac:spMk id="18" creationId="{105543BF-9F1C-B933-984D-2FC9E23D728E}"/>
          </ac:spMkLst>
        </pc:spChg>
        <pc:spChg chg="add mod">
          <ac:chgData name="Odhran Galvin" userId="d8cda971-c518-481f-832c-b450a89c6418" providerId="ADAL" clId="{3CBB1E17-8F1D-4AD6-816B-E290B9DEFB3B}" dt="2026-02-16T15:51:09.368" v="5617" actId="20577"/>
          <ac:spMkLst>
            <pc:docMk/>
            <pc:sldMk cId="965379252" sldId="268"/>
            <ac:spMk id="27" creationId="{F7B343C7-CA9B-F624-C627-9262E99EC9E0}"/>
          </ac:spMkLst>
        </pc:spChg>
        <pc:spChg chg="add mod">
          <ac:chgData name="Odhran Galvin" userId="d8cda971-c518-481f-832c-b450a89c6418" providerId="ADAL" clId="{3CBB1E17-8F1D-4AD6-816B-E290B9DEFB3B}" dt="2026-02-16T15:50:49.825" v="5611" actId="403"/>
          <ac:spMkLst>
            <pc:docMk/>
            <pc:sldMk cId="965379252" sldId="268"/>
            <ac:spMk id="28" creationId="{4A82CF97-52D2-6247-5CF7-DEF7DDA67FB1}"/>
          </ac:spMkLst>
        </pc:spChg>
        <pc:spChg chg="add mod">
          <ac:chgData name="Odhran Galvin" userId="d8cda971-c518-481f-832c-b450a89c6418" providerId="ADAL" clId="{3CBB1E17-8F1D-4AD6-816B-E290B9DEFB3B}" dt="2026-02-16T15:17:27.918" v="3989" actId="14100"/>
          <ac:spMkLst>
            <pc:docMk/>
            <pc:sldMk cId="965379252" sldId="268"/>
            <ac:spMk id="29" creationId="{4AD35876-7701-029F-4919-1BDE6E58ED6A}"/>
          </ac:spMkLst>
        </pc:spChg>
        <pc:picChg chg="add mod">
          <ac:chgData name="Odhran Galvin" userId="d8cda971-c518-481f-832c-b450a89c6418" providerId="ADAL" clId="{3CBB1E17-8F1D-4AD6-816B-E290B9DEFB3B}" dt="2026-02-12T15:39:44.711" v="41"/>
          <ac:picMkLst>
            <pc:docMk/>
            <pc:sldMk cId="965379252" sldId="268"/>
            <ac:picMk id="3" creationId="{2565EDC8-F4CB-3967-F526-C5488D823421}"/>
          </ac:picMkLst>
        </pc:picChg>
        <pc:picChg chg="del mod">
          <ac:chgData name="Odhran Galvin" userId="d8cda971-c518-481f-832c-b450a89c6418" providerId="ADAL" clId="{3CBB1E17-8F1D-4AD6-816B-E290B9DEFB3B}" dt="2026-02-16T15:09:53.444" v="3747" actId="478"/>
          <ac:picMkLst>
            <pc:docMk/>
            <pc:sldMk cId="965379252" sldId="268"/>
            <ac:picMk id="4" creationId="{4A3849D8-1D03-F80E-FEDF-8A24E652D9A8}"/>
          </ac:picMkLst>
        </pc:picChg>
        <pc:picChg chg="add del mod">
          <ac:chgData name="Odhran Galvin" userId="d8cda971-c518-481f-832c-b450a89c6418" providerId="ADAL" clId="{3CBB1E17-8F1D-4AD6-816B-E290B9DEFB3B}" dt="2026-02-16T15:09:48.270" v="3744" actId="478"/>
          <ac:picMkLst>
            <pc:docMk/>
            <pc:sldMk cId="965379252" sldId="268"/>
            <ac:picMk id="5" creationId="{14CE600C-1D76-82B0-CBF9-4CEB97CC6247}"/>
          </ac:picMkLst>
        </pc:picChg>
        <pc:picChg chg="add mod">
          <ac:chgData name="Odhran Galvin" userId="d8cda971-c518-481f-832c-b450a89c6418" providerId="ADAL" clId="{3CBB1E17-8F1D-4AD6-816B-E290B9DEFB3B}" dt="2026-02-16T15:14:27.990" v="3798" actId="1076"/>
          <ac:picMkLst>
            <pc:docMk/>
            <pc:sldMk cId="965379252" sldId="268"/>
            <ac:picMk id="13" creationId="{E99E00C8-5B6D-4EFE-47C5-5F021833A6C7}"/>
          </ac:picMkLst>
        </pc:picChg>
        <pc:picChg chg="add mod">
          <ac:chgData name="Odhran Galvin" userId="d8cda971-c518-481f-832c-b450a89c6418" providerId="ADAL" clId="{3CBB1E17-8F1D-4AD6-816B-E290B9DEFB3B}" dt="2026-02-16T15:14:36.247" v="3802" actId="1076"/>
          <ac:picMkLst>
            <pc:docMk/>
            <pc:sldMk cId="965379252" sldId="268"/>
            <ac:picMk id="16" creationId="{89974901-A8EC-69EC-6136-56DC5D1B044C}"/>
          </ac:picMkLst>
        </pc:picChg>
        <pc:picChg chg="add mod">
          <ac:chgData name="Odhran Galvin" userId="d8cda971-c518-481f-832c-b450a89c6418" providerId="ADAL" clId="{3CBB1E17-8F1D-4AD6-816B-E290B9DEFB3B}" dt="2026-02-16T15:14:44.534" v="3806" actId="1076"/>
          <ac:picMkLst>
            <pc:docMk/>
            <pc:sldMk cId="965379252" sldId="268"/>
            <ac:picMk id="20" creationId="{BF9312C8-0320-2C12-EBE0-18CBEF546878}"/>
          </ac:picMkLst>
        </pc:picChg>
        <pc:picChg chg="add mod">
          <ac:chgData name="Odhran Galvin" userId="d8cda971-c518-481f-832c-b450a89c6418" providerId="ADAL" clId="{3CBB1E17-8F1D-4AD6-816B-E290B9DEFB3B}" dt="2026-02-16T15:15:03.030" v="3810" actId="14100"/>
          <ac:picMkLst>
            <pc:docMk/>
            <pc:sldMk cId="965379252" sldId="268"/>
            <ac:picMk id="22" creationId="{34DC334B-C080-BA3F-1E65-F83627E5801F}"/>
          </ac:picMkLst>
        </pc:picChg>
        <pc:inkChg chg="add del">
          <ac:chgData name="Odhran Galvin" userId="d8cda971-c518-481f-832c-b450a89c6418" providerId="ADAL" clId="{3CBB1E17-8F1D-4AD6-816B-E290B9DEFB3B}" dt="2026-02-16T15:15:13.576" v="3812"/>
          <ac:inkMkLst>
            <pc:docMk/>
            <pc:sldMk cId="965379252" sldId="268"/>
            <ac:inkMk id="23" creationId="{322116F7-A77A-80C4-9AC6-60F16ED03D61}"/>
          </ac:inkMkLst>
        </pc:inkChg>
        <pc:inkChg chg="add mod">
          <ac:chgData name="Odhran Galvin" userId="d8cda971-c518-481f-832c-b450a89c6418" providerId="ADAL" clId="{3CBB1E17-8F1D-4AD6-816B-E290B9DEFB3B}" dt="2026-02-16T15:15:32.653" v="3818" actId="1076"/>
          <ac:inkMkLst>
            <pc:docMk/>
            <pc:sldMk cId="965379252" sldId="268"/>
            <ac:inkMk id="24" creationId="{22BB4262-BF8F-A377-1408-6FC1A9FC32A0}"/>
          </ac:inkMkLst>
        </pc:inkChg>
        <pc:inkChg chg="add del">
          <ac:chgData name="Odhran Galvin" userId="d8cda971-c518-481f-832c-b450a89c6418" providerId="ADAL" clId="{3CBB1E17-8F1D-4AD6-816B-E290B9DEFB3B}" dt="2026-02-16T15:15:19.696" v="3814"/>
          <ac:inkMkLst>
            <pc:docMk/>
            <pc:sldMk cId="965379252" sldId="268"/>
            <ac:inkMk id="25" creationId="{4651F88A-E51A-8285-A68B-E45A872FC82F}"/>
          </ac:inkMkLst>
        </pc:inkChg>
        <pc:inkChg chg="add mod">
          <ac:chgData name="Odhran Galvin" userId="d8cda971-c518-481f-832c-b450a89c6418" providerId="ADAL" clId="{3CBB1E17-8F1D-4AD6-816B-E290B9DEFB3B}" dt="2026-02-16T15:15:24.842" v="3815" actId="1076"/>
          <ac:inkMkLst>
            <pc:docMk/>
            <pc:sldMk cId="965379252" sldId="268"/>
            <ac:inkMk id="26" creationId="{E2981E84-06BE-9B42-443F-3A002BACE7B7}"/>
          </ac:inkMkLst>
        </pc:inkChg>
      </pc:sldChg>
      <pc:sldChg chg="addSp delSp modSp mod">
        <pc:chgData name="Odhran Galvin" userId="d8cda971-c518-481f-832c-b450a89c6418" providerId="ADAL" clId="{3CBB1E17-8F1D-4AD6-816B-E290B9DEFB3B}" dt="2026-02-17T11:32:05.867" v="6737" actId="166"/>
        <pc:sldMkLst>
          <pc:docMk/>
          <pc:sldMk cId="2553190370" sldId="269"/>
        </pc:sldMkLst>
        <pc:spChg chg="add mod">
          <ac:chgData name="Odhran Galvin" userId="d8cda971-c518-481f-832c-b450a89c6418" providerId="ADAL" clId="{3CBB1E17-8F1D-4AD6-816B-E290B9DEFB3B}" dt="2026-02-17T11:28:53.647" v="6680" actId="1076"/>
          <ac:spMkLst>
            <pc:docMk/>
            <pc:sldMk cId="2553190370" sldId="269"/>
            <ac:spMk id="10" creationId="{E3A125A2-50A7-E354-6094-55FAC196768C}"/>
          </ac:spMkLst>
        </pc:spChg>
        <pc:spChg chg="del mod">
          <ac:chgData name="Odhran Galvin" userId="d8cda971-c518-481f-832c-b450a89c6418" providerId="ADAL" clId="{3CBB1E17-8F1D-4AD6-816B-E290B9DEFB3B}" dt="2026-02-16T15:46:56.355" v="5547" actId="478"/>
          <ac:spMkLst>
            <pc:docMk/>
            <pc:sldMk cId="2553190370" sldId="269"/>
            <ac:spMk id="13" creationId="{1670F225-8DF4-9CCA-9A7A-3F003CE22F5A}"/>
          </ac:spMkLst>
        </pc:spChg>
        <pc:spChg chg="add del mod">
          <ac:chgData name="Odhran Galvin" userId="d8cda971-c518-481f-832c-b450a89c6418" providerId="ADAL" clId="{3CBB1E17-8F1D-4AD6-816B-E290B9DEFB3B}" dt="2026-02-16T15:29:00.355" v="4432" actId="478"/>
          <ac:spMkLst>
            <pc:docMk/>
            <pc:sldMk cId="2553190370" sldId="269"/>
            <ac:spMk id="16" creationId="{04715CC3-10A1-47F9-455B-5550F648AD78}"/>
          </ac:spMkLst>
        </pc:spChg>
        <pc:spChg chg="add mod">
          <ac:chgData name="Odhran Galvin" userId="d8cda971-c518-481f-832c-b450a89c6418" providerId="ADAL" clId="{3CBB1E17-8F1D-4AD6-816B-E290B9DEFB3B}" dt="2026-02-16T15:50:42.120" v="5610" actId="2711"/>
          <ac:spMkLst>
            <pc:docMk/>
            <pc:sldMk cId="2553190370" sldId="269"/>
            <ac:spMk id="17" creationId="{B34E0B4C-BFCC-2062-CF6C-4996E90080FF}"/>
          </ac:spMkLst>
        </pc:spChg>
        <pc:spChg chg="add mod">
          <ac:chgData name="Odhran Galvin" userId="d8cda971-c518-481f-832c-b450a89c6418" providerId="ADAL" clId="{3CBB1E17-8F1D-4AD6-816B-E290B9DEFB3B}" dt="2026-02-16T15:50:42.120" v="5610" actId="2711"/>
          <ac:spMkLst>
            <pc:docMk/>
            <pc:sldMk cId="2553190370" sldId="269"/>
            <ac:spMk id="18" creationId="{9CFA4CD2-A0A1-DE66-E471-4BC12F2E04C2}"/>
          </ac:spMkLst>
        </pc:spChg>
        <pc:spChg chg="add mod ord">
          <ac:chgData name="Odhran Galvin" userId="d8cda971-c518-481f-832c-b450a89c6418" providerId="ADAL" clId="{3CBB1E17-8F1D-4AD6-816B-E290B9DEFB3B}" dt="2026-02-17T11:32:05.867" v="6737" actId="166"/>
          <ac:spMkLst>
            <pc:docMk/>
            <pc:sldMk cId="2553190370" sldId="269"/>
            <ac:spMk id="19" creationId="{4968B0A6-C6AD-5937-51B0-CCB9C772FC42}"/>
          </ac:spMkLst>
        </pc:spChg>
        <pc:spChg chg="add mod">
          <ac:chgData name="Odhran Galvin" userId="d8cda971-c518-481f-832c-b450a89c6418" providerId="ADAL" clId="{3CBB1E17-8F1D-4AD6-816B-E290B9DEFB3B}" dt="2026-02-16T15:47:17.474" v="5554" actId="1076"/>
          <ac:spMkLst>
            <pc:docMk/>
            <pc:sldMk cId="2553190370" sldId="269"/>
            <ac:spMk id="20" creationId="{DFA710CD-F0B3-D010-7322-B5B7E3059D82}"/>
          </ac:spMkLst>
        </pc:spChg>
        <pc:spChg chg="mod">
          <ac:chgData name="Odhran Galvin" userId="d8cda971-c518-481f-832c-b450a89c6418" providerId="ADAL" clId="{3CBB1E17-8F1D-4AD6-816B-E290B9DEFB3B}" dt="2026-02-16T15:50:42.120" v="5610" actId="2711"/>
          <ac:spMkLst>
            <pc:docMk/>
            <pc:sldMk cId="2553190370" sldId="269"/>
            <ac:spMk id="23" creationId="{B4B1A803-017C-211C-7249-1D2DF0573FC0}"/>
          </ac:spMkLst>
        </pc:spChg>
        <pc:spChg chg="mod">
          <ac:chgData name="Odhran Galvin" userId="d8cda971-c518-481f-832c-b450a89c6418" providerId="ADAL" clId="{3CBB1E17-8F1D-4AD6-816B-E290B9DEFB3B}" dt="2026-02-16T15:59:41.669" v="5816" actId="14100"/>
          <ac:spMkLst>
            <pc:docMk/>
            <pc:sldMk cId="2553190370" sldId="269"/>
            <ac:spMk id="24" creationId="{88F14DBE-CB4E-183F-38AB-19AD65C98112}"/>
          </ac:spMkLst>
        </pc:spChg>
        <pc:spChg chg="add mod">
          <ac:chgData name="Odhran Galvin" userId="d8cda971-c518-481f-832c-b450a89c6418" providerId="ADAL" clId="{3CBB1E17-8F1D-4AD6-816B-E290B9DEFB3B}" dt="2026-02-17T11:32:03.007" v="6736" actId="1076"/>
          <ac:spMkLst>
            <pc:docMk/>
            <pc:sldMk cId="2553190370" sldId="269"/>
            <ac:spMk id="31" creationId="{7F54EE8B-14AE-7C28-ECB9-6FD3CAA4E581}"/>
          </ac:spMkLst>
        </pc:spChg>
        <pc:picChg chg="add mod">
          <ac:chgData name="Odhran Galvin" userId="d8cda971-c518-481f-832c-b450a89c6418" providerId="ADAL" clId="{3CBB1E17-8F1D-4AD6-816B-E290B9DEFB3B}" dt="2026-02-12T15:39:45.882" v="42"/>
          <ac:picMkLst>
            <pc:docMk/>
            <pc:sldMk cId="2553190370" sldId="269"/>
            <ac:picMk id="2" creationId="{DB4B254C-4912-9451-8013-11A4BC332480}"/>
          </ac:picMkLst>
        </pc:picChg>
        <pc:picChg chg="del">
          <ac:chgData name="Odhran Galvin" userId="d8cda971-c518-481f-832c-b450a89c6418" providerId="ADAL" clId="{3CBB1E17-8F1D-4AD6-816B-E290B9DEFB3B}" dt="2026-02-16T15:17:53.583" v="3990" actId="478"/>
          <ac:picMkLst>
            <pc:docMk/>
            <pc:sldMk cId="2553190370" sldId="269"/>
            <ac:picMk id="4" creationId="{AAD2CA9F-AAA5-7F46-9A64-F81A30331358}"/>
          </ac:picMkLst>
        </pc:picChg>
        <pc:picChg chg="add del mod">
          <ac:chgData name="Odhran Galvin" userId="d8cda971-c518-481f-832c-b450a89c6418" providerId="ADAL" clId="{3CBB1E17-8F1D-4AD6-816B-E290B9DEFB3B}" dt="2026-02-16T15:19:28.828" v="4084" actId="478"/>
          <ac:picMkLst>
            <pc:docMk/>
            <pc:sldMk cId="2553190370" sldId="269"/>
            <ac:picMk id="5" creationId="{DD594A59-6CDD-C63A-B44F-C5148795AE99}"/>
          </ac:picMkLst>
        </pc:picChg>
        <pc:picChg chg="del mod">
          <ac:chgData name="Odhran Galvin" userId="d8cda971-c518-481f-832c-b450a89c6418" providerId="ADAL" clId="{3CBB1E17-8F1D-4AD6-816B-E290B9DEFB3B}" dt="2026-02-16T15:17:54.616" v="3991" actId="478"/>
          <ac:picMkLst>
            <pc:docMk/>
            <pc:sldMk cId="2553190370" sldId="269"/>
            <ac:picMk id="8" creationId="{EF0A9A99-EC0B-AF17-1896-E85993EC1541}"/>
          </ac:picMkLst>
        </pc:picChg>
        <pc:picChg chg="add mod">
          <ac:chgData name="Odhran Galvin" userId="d8cda971-c518-481f-832c-b450a89c6418" providerId="ADAL" clId="{3CBB1E17-8F1D-4AD6-816B-E290B9DEFB3B}" dt="2026-02-16T15:28:05.927" v="4418" actId="1076"/>
          <ac:picMkLst>
            <pc:docMk/>
            <pc:sldMk cId="2553190370" sldId="269"/>
            <ac:picMk id="9" creationId="{BF026874-C832-ECD9-FD5A-6FB22ADE2685}"/>
          </ac:picMkLst>
        </pc:picChg>
        <pc:picChg chg="add mod">
          <ac:chgData name="Odhran Galvin" userId="d8cda971-c518-481f-832c-b450a89c6418" providerId="ADAL" clId="{3CBB1E17-8F1D-4AD6-816B-E290B9DEFB3B}" dt="2026-02-16T15:47:13.799" v="5553" actId="1076"/>
          <ac:picMkLst>
            <pc:docMk/>
            <pc:sldMk cId="2553190370" sldId="269"/>
            <ac:picMk id="12" creationId="{7447CC77-D61A-D189-88E6-9403A51B4D69}"/>
          </ac:picMkLst>
        </pc:picChg>
        <pc:picChg chg="mod">
          <ac:chgData name="Odhran Galvin" userId="d8cda971-c518-481f-832c-b450a89c6418" providerId="ADAL" clId="{3CBB1E17-8F1D-4AD6-816B-E290B9DEFB3B}" dt="2026-02-16T16:51:43.181" v="5870" actId="1076"/>
          <ac:picMkLst>
            <pc:docMk/>
            <pc:sldMk cId="2553190370" sldId="269"/>
            <ac:picMk id="14" creationId="{ECBD05F2-C566-05B1-DC2B-E72B0FBCEDE8}"/>
          </ac:picMkLst>
        </pc:picChg>
        <pc:inkChg chg="add del">
          <ac:chgData name="Odhran Galvin" userId="d8cda971-c518-481f-832c-b450a89c6418" providerId="ADAL" clId="{3CBB1E17-8F1D-4AD6-816B-E290B9DEFB3B}" dt="2026-02-17T11:31:06.563" v="6726" actId="9405"/>
          <ac:inkMkLst>
            <pc:docMk/>
            <pc:sldMk cId="2553190370" sldId="269"/>
            <ac:inkMk id="3" creationId="{BDD3392C-99C8-9858-AC5D-43256D875A55}"/>
          </ac:inkMkLst>
        </pc:inkChg>
        <pc:inkChg chg="add mod">
          <ac:chgData name="Odhran Galvin" userId="d8cda971-c518-481f-832c-b450a89c6418" providerId="ADAL" clId="{3CBB1E17-8F1D-4AD6-816B-E290B9DEFB3B}" dt="2026-02-17T11:31:05.589" v="6724"/>
          <ac:inkMkLst>
            <pc:docMk/>
            <pc:sldMk cId="2553190370" sldId="269"/>
            <ac:inkMk id="4" creationId="{A5B17C07-40ED-92B1-E294-37B294469081}"/>
          </ac:inkMkLst>
        </pc:inkChg>
        <pc:inkChg chg="add del">
          <ac:chgData name="Odhran Galvin" userId="d8cda971-c518-481f-832c-b450a89c6418" providerId="ADAL" clId="{3CBB1E17-8F1D-4AD6-816B-E290B9DEFB3B}" dt="2026-02-17T11:29:37.742" v="6689" actId="9405"/>
          <ac:inkMkLst>
            <pc:docMk/>
            <pc:sldMk cId="2553190370" sldId="269"/>
            <ac:inkMk id="5" creationId="{7B43CF45-CA48-B919-B5CC-612101AB8782}"/>
          </ac:inkMkLst>
        </pc:inkChg>
        <pc:inkChg chg="add del">
          <ac:chgData name="Odhran Galvin" userId="d8cda971-c518-481f-832c-b450a89c6418" providerId="ADAL" clId="{3CBB1E17-8F1D-4AD6-816B-E290B9DEFB3B}" dt="2026-02-17T11:31:05.268" v="6723" actId="9405"/>
          <ac:inkMkLst>
            <pc:docMk/>
            <pc:sldMk cId="2553190370" sldId="269"/>
            <ac:inkMk id="7" creationId="{CE2B9BD9-9B7C-15D6-5165-89F2F483DC1C}"/>
          </ac:inkMkLst>
        </pc:inkChg>
        <pc:inkChg chg="add mod">
          <ac:chgData name="Odhran Galvin" userId="d8cda971-c518-481f-832c-b450a89c6418" providerId="ADAL" clId="{3CBB1E17-8F1D-4AD6-816B-E290B9DEFB3B}" dt="2026-02-17T11:31:04.809" v="6721"/>
          <ac:inkMkLst>
            <pc:docMk/>
            <pc:sldMk cId="2553190370" sldId="269"/>
            <ac:inkMk id="8" creationId="{532D2503-2AA5-F94F-CC7D-622A38442F28}"/>
          </ac:inkMkLst>
        </pc:inkChg>
        <pc:inkChg chg="add del">
          <ac:chgData name="Odhran Galvin" userId="d8cda971-c518-481f-832c-b450a89c6418" providerId="ADAL" clId="{3CBB1E17-8F1D-4AD6-816B-E290B9DEFB3B}" dt="2026-02-17T11:30:07.698" v="6696" actId="9405"/>
          <ac:inkMkLst>
            <pc:docMk/>
            <pc:sldMk cId="2553190370" sldId="269"/>
            <ac:inkMk id="11" creationId="{DA58067A-194B-2864-2BB0-3A1A54E248F5}"/>
          </ac:inkMkLst>
        </pc:inkChg>
        <pc:inkChg chg="add">
          <ac:chgData name="Odhran Galvin" userId="d8cda971-c518-481f-832c-b450a89c6418" providerId="ADAL" clId="{3CBB1E17-8F1D-4AD6-816B-E290B9DEFB3B}" dt="2026-02-17T11:29:57.379" v="6694"/>
          <ac:inkMkLst>
            <pc:docMk/>
            <pc:sldMk cId="2553190370" sldId="269"/>
            <ac:inkMk id="13" creationId="{6F38E363-D5B1-4632-5A55-8AF3FBE036E5}"/>
          </ac:inkMkLst>
        </pc:inkChg>
        <pc:inkChg chg="add del">
          <ac:chgData name="Odhran Galvin" userId="d8cda971-c518-481f-832c-b450a89c6418" providerId="ADAL" clId="{3CBB1E17-8F1D-4AD6-816B-E290B9DEFB3B}" dt="2026-02-17T11:31:04.609" v="6720" actId="9405"/>
          <ac:inkMkLst>
            <pc:docMk/>
            <pc:sldMk cId="2553190370" sldId="269"/>
            <ac:inkMk id="16" creationId="{EB01B20B-C773-F06C-2A6C-7C6A40310D4E}"/>
          </ac:inkMkLst>
        </pc:inkChg>
        <pc:inkChg chg="add mod">
          <ac:chgData name="Odhran Galvin" userId="d8cda971-c518-481f-832c-b450a89c6418" providerId="ADAL" clId="{3CBB1E17-8F1D-4AD6-816B-E290B9DEFB3B}" dt="2026-02-17T11:31:04.245" v="6718"/>
          <ac:inkMkLst>
            <pc:docMk/>
            <pc:sldMk cId="2553190370" sldId="269"/>
            <ac:inkMk id="21" creationId="{6D7AA594-ED5F-0344-2D2E-5C9ABE1EEBD9}"/>
          </ac:inkMkLst>
        </pc:inkChg>
        <pc:inkChg chg="add del">
          <ac:chgData name="Odhran Galvin" userId="d8cda971-c518-481f-832c-b450a89c6418" providerId="ADAL" clId="{3CBB1E17-8F1D-4AD6-816B-E290B9DEFB3B}" dt="2026-02-17T11:31:04.074" v="6717" actId="9405"/>
          <ac:inkMkLst>
            <pc:docMk/>
            <pc:sldMk cId="2553190370" sldId="269"/>
            <ac:inkMk id="22" creationId="{9C4415FA-1EEE-8D6C-6F35-85CB08925CA7}"/>
          </ac:inkMkLst>
        </pc:inkChg>
        <pc:inkChg chg="add mod">
          <ac:chgData name="Odhran Galvin" userId="d8cda971-c518-481f-832c-b450a89c6418" providerId="ADAL" clId="{3CBB1E17-8F1D-4AD6-816B-E290B9DEFB3B}" dt="2026-02-17T11:31:03.689" v="6715"/>
          <ac:inkMkLst>
            <pc:docMk/>
            <pc:sldMk cId="2553190370" sldId="269"/>
            <ac:inkMk id="25" creationId="{71B565A0-2EE6-9A9A-D7E5-B878AE4DAC2E}"/>
          </ac:inkMkLst>
        </pc:inkChg>
        <pc:inkChg chg="add del">
          <ac:chgData name="Odhran Galvin" userId="d8cda971-c518-481f-832c-b450a89c6418" providerId="ADAL" clId="{3CBB1E17-8F1D-4AD6-816B-E290B9DEFB3B}" dt="2026-02-17T11:31:03.552" v="6714" actId="9405"/>
          <ac:inkMkLst>
            <pc:docMk/>
            <pc:sldMk cId="2553190370" sldId="269"/>
            <ac:inkMk id="26" creationId="{B87D545F-B6BF-4BCD-C696-F9F48E0A3DCA}"/>
          </ac:inkMkLst>
        </pc:inkChg>
        <pc:inkChg chg="add mod">
          <ac:chgData name="Odhran Galvin" userId="d8cda971-c518-481f-832c-b450a89c6418" providerId="ADAL" clId="{3CBB1E17-8F1D-4AD6-816B-E290B9DEFB3B}" dt="2026-02-17T11:31:03.234" v="6712"/>
          <ac:inkMkLst>
            <pc:docMk/>
            <pc:sldMk cId="2553190370" sldId="269"/>
            <ac:inkMk id="27" creationId="{8AE9D1BF-E3E7-CB8D-2AE1-60FD6F980979}"/>
          </ac:inkMkLst>
        </pc:inkChg>
        <pc:inkChg chg="add del">
          <ac:chgData name="Odhran Galvin" userId="d8cda971-c518-481f-832c-b450a89c6418" providerId="ADAL" clId="{3CBB1E17-8F1D-4AD6-816B-E290B9DEFB3B}" dt="2026-02-17T11:31:03.093" v="6711" actId="9405"/>
          <ac:inkMkLst>
            <pc:docMk/>
            <pc:sldMk cId="2553190370" sldId="269"/>
            <ac:inkMk id="28" creationId="{854E5115-BC08-A1CD-4FFA-DFC6542B35FE}"/>
          </ac:inkMkLst>
        </pc:inkChg>
        <pc:inkChg chg="add mod">
          <ac:chgData name="Odhran Galvin" userId="d8cda971-c518-481f-832c-b450a89c6418" providerId="ADAL" clId="{3CBB1E17-8F1D-4AD6-816B-E290B9DEFB3B}" dt="2026-02-17T11:31:02.635" v="6709"/>
          <ac:inkMkLst>
            <pc:docMk/>
            <pc:sldMk cId="2553190370" sldId="269"/>
            <ac:inkMk id="29" creationId="{68A31E99-D52F-B714-2237-7AE512289F1E}"/>
          </ac:inkMkLst>
        </pc:inkChg>
        <pc:inkChg chg="add del">
          <ac:chgData name="Odhran Galvin" userId="d8cda971-c518-481f-832c-b450a89c6418" providerId="ADAL" clId="{3CBB1E17-8F1D-4AD6-816B-E290B9DEFB3B}" dt="2026-02-17T11:31:17.030" v="6728" actId="9405"/>
          <ac:inkMkLst>
            <pc:docMk/>
            <pc:sldMk cId="2553190370" sldId="269"/>
            <ac:inkMk id="30" creationId="{D5D07ACE-297D-027A-33B5-ED8C66B0F5E1}"/>
          </ac:inkMkLst>
        </pc:inkChg>
      </pc:sldChg>
      <pc:sldChg chg="addSp delSp modSp add mod">
        <pc:chgData name="Odhran Galvin" userId="d8cda971-c518-481f-832c-b450a89c6418" providerId="ADAL" clId="{3CBB1E17-8F1D-4AD6-816B-E290B9DEFB3B}" dt="2026-02-16T11:53:24.221" v="3662" actId="122"/>
        <pc:sldMkLst>
          <pc:docMk/>
          <pc:sldMk cId="4122117367" sldId="270"/>
        </pc:sldMkLst>
        <pc:spChg chg="mod">
          <ac:chgData name="Odhran Galvin" userId="d8cda971-c518-481f-832c-b450a89c6418" providerId="ADAL" clId="{3CBB1E17-8F1D-4AD6-816B-E290B9DEFB3B}" dt="2026-02-12T16:03:21.603" v="65" actId="20577"/>
          <ac:spMkLst>
            <pc:docMk/>
            <pc:sldMk cId="4122117367" sldId="270"/>
            <ac:spMk id="6" creationId="{045D676D-59E2-C050-331B-9FA16ABFBAF4}"/>
          </ac:spMkLst>
        </pc:spChg>
        <pc:spChg chg="add mod">
          <ac:chgData name="Odhran Galvin" userId="d8cda971-c518-481f-832c-b450a89c6418" providerId="ADAL" clId="{3CBB1E17-8F1D-4AD6-816B-E290B9DEFB3B}" dt="2026-02-16T11:53:13.600" v="3660" actId="2711"/>
          <ac:spMkLst>
            <pc:docMk/>
            <pc:sldMk cId="4122117367" sldId="270"/>
            <ac:spMk id="7" creationId="{2FA17003-5C32-2C7F-1F70-3EA6A6FECD38}"/>
          </ac:spMkLst>
        </pc:spChg>
        <pc:spChg chg="add mod">
          <ac:chgData name="Odhran Galvin" userId="d8cda971-c518-481f-832c-b450a89c6418" providerId="ADAL" clId="{3CBB1E17-8F1D-4AD6-816B-E290B9DEFB3B}" dt="2026-02-16T11:49:12.127" v="3489" actId="1076"/>
          <ac:spMkLst>
            <pc:docMk/>
            <pc:sldMk cId="4122117367" sldId="270"/>
            <ac:spMk id="11" creationId="{BE333BC2-C815-AFD7-585C-F5823E68573E}"/>
          </ac:spMkLst>
        </pc:spChg>
        <pc:spChg chg="add del mod">
          <ac:chgData name="Odhran Galvin" userId="d8cda971-c518-481f-832c-b450a89c6418" providerId="ADAL" clId="{3CBB1E17-8F1D-4AD6-816B-E290B9DEFB3B}" dt="2026-02-16T11:50:40.207" v="3609" actId="1076"/>
          <ac:spMkLst>
            <pc:docMk/>
            <pc:sldMk cId="4122117367" sldId="270"/>
            <ac:spMk id="12" creationId="{1356EDEE-0CB4-C47A-E425-F01F51DB4285}"/>
          </ac:spMkLst>
        </pc:spChg>
        <pc:spChg chg="add mod">
          <ac:chgData name="Odhran Galvin" userId="d8cda971-c518-481f-832c-b450a89c6418" providerId="ADAL" clId="{3CBB1E17-8F1D-4AD6-816B-E290B9DEFB3B}" dt="2026-02-16T11:50:51.913" v="3612" actId="1076"/>
          <ac:spMkLst>
            <pc:docMk/>
            <pc:sldMk cId="4122117367" sldId="270"/>
            <ac:spMk id="24" creationId="{C106C80A-584D-250A-4BA8-76C4A0C73EC9}"/>
          </ac:spMkLst>
        </pc:spChg>
        <pc:spChg chg="add mod">
          <ac:chgData name="Odhran Galvin" userId="d8cda971-c518-481f-832c-b450a89c6418" providerId="ADAL" clId="{3CBB1E17-8F1D-4AD6-816B-E290B9DEFB3B}" dt="2026-02-16T11:53:24.221" v="3662" actId="122"/>
          <ac:spMkLst>
            <pc:docMk/>
            <pc:sldMk cId="4122117367" sldId="270"/>
            <ac:spMk id="25" creationId="{0EB3C5A0-CBAD-E860-6B5F-F5199DCB6568}"/>
          </ac:spMkLst>
        </pc:spChg>
        <pc:spChg chg="add mod">
          <ac:chgData name="Odhran Galvin" userId="d8cda971-c518-481f-832c-b450a89c6418" providerId="ADAL" clId="{3CBB1E17-8F1D-4AD6-816B-E290B9DEFB3B}" dt="2026-02-16T11:51:20.598" v="3647" actId="20577"/>
          <ac:spMkLst>
            <pc:docMk/>
            <pc:sldMk cId="4122117367" sldId="270"/>
            <ac:spMk id="26" creationId="{73C5C3D6-9FD3-506F-2738-751D74EC02CF}"/>
          </ac:spMkLst>
        </pc:spChg>
        <pc:picChg chg="add del mod">
          <ac:chgData name="Odhran Galvin" userId="d8cda971-c518-481f-832c-b450a89c6418" providerId="ADAL" clId="{3CBB1E17-8F1D-4AD6-816B-E290B9DEFB3B}" dt="2026-02-16T10:24:45.028" v="828" actId="478"/>
          <ac:picMkLst>
            <pc:docMk/>
            <pc:sldMk cId="4122117367" sldId="270"/>
            <ac:picMk id="3" creationId="{59E4730E-3CC9-C497-52FF-15F2053E3AC1}"/>
          </ac:picMkLst>
        </pc:picChg>
        <pc:picChg chg="add mod">
          <ac:chgData name="Odhran Galvin" userId="d8cda971-c518-481f-832c-b450a89c6418" providerId="ADAL" clId="{3CBB1E17-8F1D-4AD6-816B-E290B9DEFB3B}" dt="2026-02-16T11:50:54.616" v="3613" actId="1076"/>
          <ac:picMkLst>
            <pc:docMk/>
            <pc:sldMk cId="4122117367" sldId="270"/>
            <ac:picMk id="5" creationId="{33BC7672-4339-4B6C-128D-D45D9BE4C409}"/>
          </ac:picMkLst>
        </pc:picChg>
        <pc:picChg chg="add mod">
          <ac:chgData name="Odhran Galvin" userId="d8cda971-c518-481f-832c-b450a89c6418" providerId="ADAL" clId="{3CBB1E17-8F1D-4AD6-816B-E290B9DEFB3B}" dt="2026-02-16T11:49:07.416" v="3488" actId="1076"/>
          <ac:picMkLst>
            <pc:docMk/>
            <pc:sldMk cId="4122117367" sldId="270"/>
            <ac:picMk id="9" creationId="{57DA67AD-B431-3B01-6FC2-081D87B3697A}"/>
          </ac:picMkLst>
        </pc:picChg>
        <pc:picChg chg="add mod">
          <ac:chgData name="Odhran Galvin" userId="d8cda971-c518-481f-832c-b450a89c6418" providerId="ADAL" clId="{3CBB1E17-8F1D-4AD6-816B-E290B9DEFB3B}" dt="2026-02-16T11:50:43.048" v="3610" actId="1076"/>
          <ac:picMkLst>
            <pc:docMk/>
            <pc:sldMk cId="4122117367" sldId="270"/>
            <ac:picMk id="17" creationId="{5666FACD-FD72-89CB-3F81-DB45C7317838}"/>
          </ac:picMkLst>
        </pc:picChg>
        <pc:picChg chg="add mod">
          <ac:chgData name="Odhran Galvin" userId="d8cda971-c518-481f-832c-b450a89c6418" providerId="ADAL" clId="{3CBB1E17-8F1D-4AD6-816B-E290B9DEFB3B}" dt="2026-02-16T11:50:48.127" v="3611" actId="1076"/>
          <ac:picMkLst>
            <pc:docMk/>
            <pc:sldMk cId="4122117367" sldId="270"/>
            <ac:picMk id="19" creationId="{603060ED-AFB2-C4B2-1F08-F8A96990968D}"/>
          </ac:picMkLst>
        </pc:picChg>
        <pc:cxnChg chg="add mod">
          <ac:chgData name="Odhran Galvin" userId="d8cda971-c518-481f-832c-b450a89c6418" providerId="ADAL" clId="{3CBB1E17-8F1D-4AD6-816B-E290B9DEFB3B}" dt="2026-02-16T10:26:41.808" v="858" actId="14100"/>
          <ac:cxnSpMkLst>
            <pc:docMk/>
            <pc:sldMk cId="4122117367" sldId="270"/>
            <ac:cxnSpMk id="8" creationId="{557F4677-27BA-6D77-7188-AD65C14933D5}"/>
          </ac:cxnSpMkLst>
        </pc:cxnChg>
        <pc:cxnChg chg="add mod">
          <ac:chgData name="Odhran Galvin" userId="d8cda971-c518-481f-832c-b450a89c6418" providerId="ADAL" clId="{3CBB1E17-8F1D-4AD6-816B-E290B9DEFB3B}" dt="2026-02-16T10:26:46.850" v="860" actId="14100"/>
          <ac:cxnSpMkLst>
            <pc:docMk/>
            <pc:sldMk cId="4122117367" sldId="270"/>
            <ac:cxnSpMk id="13" creationId="{05AEAC95-EE9F-CD04-BA20-088AB9F746C7}"/>
          </ac:cxnSpMkLst>
        </pc:cxnChg>
      </pc:sldChg>
      <pc:sldChg chg="addSp delSp modSp add mod">
        <pc:chgData name="Odhran Galvin" userId="d8cda971-c518-481f-832c-b450a89c6418" providerId="ADAL" clId="{3CBB1E17-8F1D-4AD6-816B-E290B9DEFB3B}" dt="2026-02-17T11:35:53.778" v="6816" actId="14100"/>
        <pc:sldMkLst>
          <pc:docMk/>
          <pc:sldMk cId="2309842497" sldId="272"/>
        </pc:sldMkLst>
        <pc:spChg chg="add del mod">
          <ac:chgData name="Odhran Galvin" userId="d8cda971-c518-481f-832c-b450a89c6418" providerId="ADAL" clId="{3CBB1E17-8F1D-4AD6-816B-E290B9DEFB3B}" dt="2026-02-16T10:27:57.977" v="907" actId="478"/>
          <ac:spMkLst>
            <pc:docMk/>
            <pc:sldMk cId="2309842497" sldId="272"/>
            <ac:spMk id="5" creationId="{0150C332-46E5-B59E-2B7E-C9EDD11DA81E}"/>
          </ac:spMkLst>
        </pc:spChg>
        <pc:spChg chg="add mod">
          <ac:chgData name="Odhran Galvin" userId="d8cda971-c518-481f-832c-b450a89c6418" providerId="ADAL" clId="{3CBB1E17-8F1D-4AD6-816B-E290B9DEFB3B}" dt="2026-02-17T11:35:38.904" v="6809" actId="20577"/>
          <ac:spMkLst>
            <pc:docMk/>
            <pc:sldMk cId="2309842497" sldId="272"/>
            <ac:spMk id="7" creationId="{B3968464-DF2D-A22E-2B22-208E74A82FCD}"/>
          </ac:spMkLst>
        </pc:spChg>
        <pc:spChg chg="add mod">
          <ac:chgData name="Odhran Galvin" userId="d8cda971-c518-481f-832c-b450a89c6418" providerId="ADAL" clId="{3CBB1E17-8F1D-4AD6-816B-E290B9DEFB3B}" dt="2026-02-17T11:35:45.066" v="6815" actId="20577"/>
          <ac:spMkLst>
            <pc:docMk/>
            <pc:sldMk cId="2309842497" sldId="272"/>
            <ac:spMk id="8" creationId="{1B7C1735-CA1C-BBD7-4DF3-96B3C6FB5632}"/>
          </ac:spMkLst>
        </pc:spChg>
        <pc:spChg chg="add mod">
          <ac:chgData name="Odhran Galvin" userId="d8cda971-c518-481f-832c-b450a89c6418" providerId="ADAL" clId="{3CBB1E17-8F1D-4AD6-816B-E290B9DEFB3B}" dt="2026-02-17T11:35:41.854" v="6812" actId="20577"/>
          <ac:spMkLst>
            <pc:docMk/>
            <pc:sldMk cId="2309842497" sldId="272"/>
            <ac:spMk id="9" creationId="{5CA63F04-4B28-FB3F-C269-541C9796E583}"/>
          </ac:spMkLst>
        </pc:spChg>
        <pc:spChg chg="add mod">
          <ac:chgData name="Odhran Galvin" userId="d8cda971-c518-481f-832c-b450a89c6418" providerId="ADAL" clId="{3CBB1E17-8F1D-4AD6-816B-E290B9DEFB3B}" dt="2026-02-17T10:49:26.109" v="5922" actId="1076"/>
          <ac:spMkLst>
            <pc:docMk/>
            <pc:sldMk cId="2309842497" sldId="272"/>
            <ac:spMk id="10" creationId="{5A418C8A-E817-6D81-9E2D-84024B7A6FAC}"/>
          </ac:spMkLst>
        </pc:spChg>
        <pc:spChg chg="add del mod">
          <ac:chgData name="Odhran Galvin" userId="d8cda971-c518-481f-832c-b450a89c6418" providerId="ADAL" clId="{3CBB1E17-8F1D-4AD6-816B-E290B9DEFB3B}" dt="2026-02-16T10:27:52.377" v="903" actId="478"/>
          <ac:spMkLst>
            <pc:docMk/>
            <pc:sldMk cId="2309842497" sldId="272"/>
            <ac:spMk id="11" creationId="{CD7659DE-3D67-D8FD-B46B-1DCD2DEE14AD}"/>
          </ac:spMkLst>
        </pc:spChg>
        <pc:spChg chg="add mod">
          <ac:chgData name="Odhran Galvin" userId="d8cda971-c518-481f-832c-b450a89c6418" providerId="ADAL" clId="{3CBB1E17-8F1D-4AD6-816B-E290B9DEFB3B}" dt="2026-02-16T11:53:06.721" v="3659" actId="2711"/>
          <ac:spMkLst>
            <pc:docMk/>
            <pc:sldMk cId="2309842497" sldId="272"/>
            <ac:spMk id="13" creationId="{C5DC9429-DE22-47C7-932C-B1576D1E0CAF}"/>
          </ac:spMkLst>
        </pc:spChg>
        <pc:spChg chg="add del mod">
          <ac:chgData name="Odhran Galvin" userId="d8cda971-c518-481f-832c-b450a89c6418" providerId="ADAL" clId="{3CBB1E17-8F1D-4AD6-816B-E290B9DEFB3B}" dt="2026-02-16T10:33:28.652" v="1113" actId="478"/>
          <ac:spMkLst>
            <pc:docMk/>
            <pc:sldMk cId="2309842497" sldId="272"/>
            <ac:spMk id="23" creationId="{6AB92367-9905-E6CF-7903-F50682AD5B8C}"/>
          </ac:spMkLst>
        </pc:spChg>
        <pc:spChg chg="add del mod">
          <ac:chgData name="Odhran Galvin" userId="d8cda971-c518-481f-832c-b450a89c6418" providerId="ADAL" clId="{3CBB1E17-8F1D-4AD6-816B-E290B9DEFB3B}" dt="2026-02-16T10:33:28.652" v="1113" actId="478"/>
          <ac:spMkLst>
            <pc:docMk/>
            <pc:sldMk cId="2309842497" sldId="272"/>
            <ac:spMk id="24" creationId="{F152B48F-A02E-43B6-1DBD-1913618A648B}"/>
          </ac:spMkLst>
        </pc:spChg>
        <pc:spChg chg="add del mod">
          <ac:chgData name="Odhran Galvin" userId="d8cda971-c518-481f-832c-b450a89c6418" providerId="ADAL" clId="{3CBB1E17-8F1D-4AD6-816B-E290B9DEFB3B}" dt="2026-02-16T10:33:28.652" v="1113" actId="478"/>
          <ac:spMkLst>
            <pc:docMk/>
            <pc:sldMk cId="2309842497" sldId="272"/>
            <ac:spMk id="26" creationId="{4977D65B-0DCE-F52E-7445-B14934C28572}"/>
          </ac:spMkLst>
        </pc:spChg>
        <pc:spChg chg="add mod">
          <ac:chgData name="Odhran Galvin" userId="d8cda971-c518-481f-832c-b450a89c6418" providerId="ADAL" clId="{3CBB1E17-8F1D-4AD6-816B-E290B9DEFB3B}" dt="2026-02-17T11:35:30.860" v="6806" actId="1076"/>
          <ac:spMkLst>
            <pc:docMk/>
            <pc:sldMk cId="2309842497" sldId="272"/>
            <ac:spMk id="44" creationId="{C524B7DA-12DA-3CD8-D8C9-39207C69A205}"/>
          </ac:spMkLst>
        </pc:spChg>
        <pc:spChg chg="add mod">
          <ac:chgData name="Odhran Galvin" userId="d8cda971-c518-481f-832c-b450a89c6418" providerId="ADAL" clId="{3CBB1E17-8F1D-4AD6-816B-E290B9DEFB3B}" dt="2026-02-17T10:49:12.574" v="5920" actId="14100"/>
          <ac:spMkLst>
            <pc:docMk/>
            <pc:sldMk cId="2309842497" sldId="272"/>
            <ac:spMk id="47" creationId="{F9D86D6C-E438-57DA-55B0-A69EEE03C284}"/>
          </ac:spMkLst>
        </pc:spChg>
        <pc:spChg chg="add mod">
          <ac:chgData name="Odhran Galvin" userId="d8cda971-c518-481f-832c-b450a89c6418" providerId="ADAL" clId="{3CBB1E17-8F1D-4AD6-816B-E290B9DEFB3B}" dt="2026-02-16T10:37:16.661" v="1225" actId="14100"/>
          <ac:spMkLst>
            <pc:docMk/>
            <pc:sldMk cId="2309842497" sldId="272"/>
            <ac:spMk id="48" creationId="{7B1FA2B2-0FE3-02B2-0399-E49B80D675D5}"/>
          </ac:spMkLst>
        </pc:spChg>
        <pc:picChg chg="add del mod">
          <ac:chgData name="Odhran Galvin" userId="d8cda971-c518-481f-832c-b450a89c6418" providerId="ADAL" clId="{3CBB1E17-8F1D-4AD6-816B-E290B9DEFB3B}" dt="2026-02-16T10:27:54.030" v="904" actId="478"/>
          <ac:picMkLst>
            <pc:docMk/>
            <pc:sldMk cId="2309842497" sldId="272"/>
            <ac:picMk id="3" creationId="{8DA57B79-4CE8-9AEB-BCED-5ED95470C75F}"/>
          </ac:picMkLst>
        </pc:picChg>
        <pc:picChg chg="add mod">
          <ac:chgData name="Odhran Galvin" userId="d8cda971-c518-481f-832c-b450a89c6418" providerId="ADAL" clId="{3CBB1E17-8F1D-4AD6-816B-E290B9DEFB3B}" dt="2026-02-16T10:36:01.376" v="1170" actId="1076"/>
          <ac:picMkLst>
            <pc:docMk/>
            <pc:sldMk cId="2309842497" sldId="272"/>
            <ac:picMk id="4" creationId="{59CE7529-2BD7-D156-0D0A-7AA8FCBB18E5}"/>
          </ac:picMkLst>
        </pc:picChg>
        <pc:picChg chg="add mod">
          <ac:chgData name="Odhran Galvin" userId="d8cda971-c518-481f-832c-b450a89c6418" providerId="ADAL" clId="{3CBB1E17-8F1D-4AD6-816B-E290B9DEFB3B}" dt="2026-02-16T10:37:24.789" v="1227" actId="1076"/>
          <ac:picMkLst>
            <pc:docMk/>
            <pc:sldMk cId="2309842497" sldId="272"/>
            <ac:picMk id="12" creationId="{5A5E07F8-F572-C305-079C-D22FDF65336B}"/>
          </ac:picMkLst>
        </pc:picChg>
        <pc:picChg chg="add del mod">
          <ac:chgData name="Odhran Galvin" userId="d8cda971-c518-481f-832c-b450a89c6418" providerId="ADAL" clId="{3CBB1E17-8F1D-4AD6-816B-E290B9DEFB3B}" dt="2026-02-16T10:30:37.214" v="1077" actId="478"/>
          <ac:picMkLst>
            <pc:docMk/>
            <pc:sldMk cId="2309842497" sldId="272"/>
            <ac:picMk id="17" creationId="{A6A6667D-44AA-7677-40F2-9E1E34F051C0}"/>
          </ac:picMkLst>
        </pc:picChg>
        <pc:picChg chg="add del mod">
          <ac:chgData name="Odhran Galvin" userId="d8cda971-c518-481f-832c-b450a89c6418" providerId="ADAL" clId="{3CBB1E17-8F1D-4AD6-816B-E290B9DEFB3B}" dt="2026-02-16T10:33:28.652" v="1113" actId="478"/>
          <ac:picMkLst>
            <pc:docMk/>
            <pc:sldMk cId="2309842497" sldId="272"/>
            <ac:picMk id="22" creationId="{2902DA18-21CE-1AA4-DA12-49B74F9E6D5E}"/>
          </ac:picMkLst>
        </pc:picChg>
        <pc:picChg chg="add del mod">
          <ac:chgData name="Odhran Galvin" userId="d8cda971-c518-481f-832c-b450a89c6418" providerId="ADAL" clId="{3CBB1E17-8F1D-4AD6-816B-E290B9DEFB3B}" dt="2026-02-16T10:33:58.742" v="1119" actId="478"/>
          <ac:picMkLst>
            <pc:docMk/>
            <pc:sldMk cId="2309842497" sldId="272"/>
            <ac:picMk id="39" creationId="{E40F1472-5ED4-D251-A8C1-E8DF40806C5C}"/>
          </ac:picMkLst>
        </pc:picChg>
        <pc:picChg chg="add del mod">
          <ac:chgData name="Odhran Galvin" userId="d8cda971-c518-481f-832c-b450a89c6418" providerId="ADAL" clId="{3CBB1E17-8F1D-4AD6-816B-E290B9DEFB3B}" dt="2026-02-16T10:35:37.726" v="1162" actId="478"/>
          <ac:picMkLst>
            <pc:docMk/>
            <pc:sldMk cId="2309842497" sldId="272"/>
            <ac:picMk id="42" creationId="{C30B2B90-34A6-CE42-E6EB-ACCAACF05935}"/>
          </ac:picMkLst>
        </pc:picChg>
        <pc:picChg chg="add mod">
          <ac:chgData name="Odhran Galvin" userId="d8cda971-c518-481f-832c-b450a89c6418" providerId="ADAL" clId="{3CBB1E17-8F1D-4AD6-816B-E290B9DEFB3B}" dt="2026-02-17T11:35:28.802" v="6805" actId="1076"/>
          <ac:picMkLst>
            <pc:docMk/>
            <pc:sldMk cId="2309842497" sldId="272"/>
            <ac:picMk id="46" creationId="{E0F8255E-A36F-9902-3089-1FB35622A420}"/>
          </ac:picMkLst>
        </pc:picChg>
        <pc:cxnChg chg="add del mod">
          <ac:chgData name="Odhran Galvin" userId="d8cda971-c518-481f-832c-b450a89c6418" providerId="ADAL" clId="{3CBB1E17-8F1D-4AD6-816B-E290B9DEFB3B}" dt="2026-02-16T10:27:59.382" v="908" actId="478"/>
          <ac:cxnSpMkLst>
            <pc:docMk/>
            <pc:sldMk cId="2309842497" sldId="272"/>
            <ac:cxnSpMk id="25" creationId="{AF4EDEAB-FA3A-AE9B-10E7-073BEC3FCE19}"/>
          </ac:cxnSpMkLst>
        </pc:cxnChg>
        <pc:cxnChg chg="add del mod">
          <ac:chgData name="Odhran Galvin" userId="d8cda971-c518-481f-832c-b450a89c6418" providerId="ADAL" clId="{3CBB1E17-8F1D-4AD6-816B-E290B9DEFB3B}" dt="2026-02-16T10:27:57.226" v="906" actId="478"/>
          <ac:cxnSpMkLst>
            <pc:docMk/>
            <pc:sldMk cId="2309842497" sldId="272"/>
            <ac:cxnSpMk id="27" creationId="{E1CB639D-7F0B-9382-1022-EF83F4C2D1F9}"/>
          </ac:cxnSpMkLst>
        </pc:cxnChg>
        <pc:cxnChg chg="add del mod">
          <ac:chgData name="Odhran Galvin" userId="d8cda971-c518-481f-832c-b450a89c6418" providerId="ADAL" clId="{3CBB1E17-8F1D-4AD6-816B-E290B9DEFB3B}" dt="2026-02-16T10:33:28.652" v="1113" actId="478"/>
          <ac:cxnSpMkLst>
            <pc:docMk/>
            <pc:sldMk cId="2309842497" sldId="272"/>
            <ac:cxnSpMk id="28" creationId="{69F6FAD2-7D04-2EC6-F5B6-0F2DDAC5E23A}"/>
          </ac:cxnSpMkLst>
        </pc:cxnChg>
        <pc:cxnChg chg="add del mod">
          <ac:chgData name="Odhran Galvin" userId="d8cda971-c518-481f-832c-b450a89c6418" providerId="ADAL" clId="{3CBB1E17-8F1D-4AD6-816B-E290B9DEFB3B}" dt="2026-02-16T10:33:28.652" v="1113" actId="478"/>
          <ac:cxnSpMkLst>
            <pc:docMk/>
            <pc:sldMk cId="2309842497" sldId="272"/>
            <ac:cxnSpMk id="29" creationId="{782F0294-59B3-71CB-2566-7ACA5A461AFA}"/>
          </ac:cxnSpMkLst>
        </pc:cxnChg>
        <pc:cxnChg chg="add del mod">
          <ac:chgData name="Odhran Galvin" userId="d8cda971-c518-481f-832c-b450a89c6418" providerId="ADAL" clId="{3CBB1E17-8F1D-4AD6-816B-E290B9DEFB3B}" dt="2026-02-16T10:27:55.798" v="905" actId="478"/>
          <ac:cxnSpMkLst>
            <pc:docMk/>
            <pc:sldMk cId="2309842497" sldId="272"/>
            <ac:cxnSpMk id="30" creationId="{1CEF43EC-77D2-B946-609B-A578526259A2}"/>
          </ac:cxnSpMkLst>
        </pc:cxnChg>
        <pc:cxnChg chg="add del mod">
          <ac:chgData name="Odhran Galvin" userId="d8cda971-c518-481f-832c-b450a89c6418" providerId="ADAL" clId="{3CBB1E17-8F1D-4AD6-816B-E290B9DEFB3B}" dt="2026-02-16T10:33:28.652" v="1113" actId="478"/>
          <ac:cxnSpMkLst>
            <pc:docMk/>
            <pc:sldMk cId="2309842497" sldId="272"/>
            <ac:cxnSpMk id="31" creationId="{F3FDCDD6-49E0-03C3-F3F1-5D9FDD226F8A}"/>
          </ac:cxnSpMkLst>
        </pc:cxnChg>
        <pc:cxnChg chg="add del mod">
          <ac:chgData name="Odhran Galvin" userId="d8cda971-c518-481f-832c-b450a89c6418" providerId="ADAL" clId="{3CBB1E17-8F1D-4AD6-816B-E290B9DEFB3B}" dt="2026-02-16T10:33:28.652" v="1113" actId="478"/>
          <ac:cxnSpMkLst>
            <pc:docMk/>
            <pc:sldMk cId="2309842497" sldId="272"/>
            <ac:cxnSpMk id="32" creationId="{BEE80BCB-D7E2-1B74-CB47-9F27E85B7F46}"/>
          </ac:cxnSpMkLst>
        </pc:cxnChg>
        <pc:cxnChg chg="add mod">
          <ac:chgData name="Odhran Galvin" userId="d8cda971-c518-481f-832c-b450a89c6418" providerId="ADAL" clId="{3CBB1E17-8F1D-4AD6-816B-E290B9DEFB3B}" dt="2026-02-17T10:49:51.179" v="5926" actId="1076"/>
          <ac:cxnSpMkLst>
            <pc:docMk/>
            <pc:sldMk cId="2309842497" sldId="272"/>
            <ac:cxnSpMk id="33" creationId="{BD56FFCD-02CF-6826-5B0B-57C790AA3C96}"/>
          </ac:cxnSpMkLst>
        </pc:cxnChg>
        <pc:cxnChg chg="add mod">
          <ac:chgData name="Odhran Galvin" userId="d8cda971-c518-481f-832c-b450a89c6418" providerId="ADAL" clId="{3CBB1E17-8F1D-4AD6-816B-E290B9DEFB3B}" dt="2026-02-17T10:49:00.834" v="5917" actId="14100"/>
          <ac:cxnSpMkLst>
            <pc:docMk/>
            <pc:sldMk cId="2309842497" sldId="272"/>
            <ac:cxnSpMk id="35" creationId="{BBD3F5FD-423F-FBA8-469F-26F528C7A8A5}"/>
          </ac:cxnSpMkLst>
        </pc:cxnChg>
        <pc:cxnChg chg="add mod">
          <ac:chgData name="Odhran Galvin" userId="d8cda971-c518-481f-832c-b450a89c6418" providerId="ADAL" clId="{3CBB1E17-8F1D-4AD6-816B-E290B9DEFB3B}" dt="2026-02-17T10:48:57.316" v="5916" actId="14100"/>
          <ac:cxnSpMkLst>
            <pc:docMk/>
            <pc:sldMk cId="2309842497" sldId="272"/>
            <ac:cxnSpMk id="40" creationId="{59B7E003-1383-518A-E12B-D72B29090C2E}"/>
          </ac:cxnSpMkLst>
        </pc:cxnChg>
        <pc:cxnChg chg="add mod ord">
          <ac:chgData name="Odhran Galvin" userId="d8cda971-c518-481f-832c-b450a89c6418" providerId="ADAL" clId="{3CBB1E17-8F1D-4AD6-816B-E290B9DEFB3B}" dt="2026-02-17T11:35:53.778" v="6816" actId="14100"/>
          <ac:cxnSpMkLst>
            <pc:docMk/>
            <pc:sldMk cId="2309842497" sldId="272"/>
            <ac:cxnSpMk id="43" creationId="{BD20F8D3-8795-F373-78BD-A40B9A790622}"/>
          </ac:cxnSpMkLst>
        </pc:cxnChg>
      </pc:sldChg>
      <pc:sldChg chg="addSp delSp modSp add mod">
        <pc:chgData name="Odhran Galvin" userId="d8cda971-c518-481f-832c-b450a89c6418" providerId="ADAL" clId="{3CBB1E17-8F1D-4AD6-816B-E290B9DEFB3B}" dt="2026-02-17T10:55:28.269" v="5985" actId="1076"/>
        <pc:sldMkLst>
          <pc:docMk/>
          <pc:sldMk cId="3291770429" sldId="273"/>
        </pc:sldMkLst>
        <pc:spChg chg="add mod">
          <ac:chgData name="Odhran Galvin" userId="d8cda971-c518-481f-832c-b450a89c6418" providerId="ADAL" clId="{3CBB1E17-8F1D-4AD6-816B-E290B9DEFB3B}" dt="2026-02-17T10:51:18.020" v="5928" actId="1076"/>
          <ac:spMkLst>
            <pc:docMk/>
            <pc:sldMk cId="3291770429" sldId="273"/>
            <ac:spMk id="10" creationId="{36E29FF0-7D55-7645-8C94-BED8C08CF105}"/>
          </ac:spMkLst>
        </pc:spChg>
        <pc:spChg chg="add mod">
          <ac:chgData name="Odhran Galvin" userId="d8cda971-c518-481f-832c-b450a89c6418" providerId="ADAL" clId="{3CBB1E17-8F1D-4AD6-816B-E290B9DEFB3B}" dt="2026-02-17T10:51:26.416" v="5930" actId="14100"/>
          <ac:spMkLst>
            <pc:docMk/>
            <pc:sldMk cId="3291770429" sldId="273"/>
            <ac:spMk id="12" creationId="{258567AB-0DAA-0203-9E78-BE8887E843BE}"/>
          </ac:spMkLst>
        </pc:spChg>
        <pc:spChg chg="add mod">
          <ac:chgData name="Odhran Galvin" userId="d8cda971-c518-481f-832c-b450a89c6418" providerId="ADAL" clId="{3CBB1E17-8F1D-4AD6-816B-E290B9DEFB3B}" dt="2026-02-17T10:51:36.669" v="5933" actId="1076"/>
          <ac:spMkLst>
            <pc:docMk/>
            <pc:sldMk cId="3291770429" sldId="273"/>
            <ac:spMk id="13" creationId="{ED9ECCBD-0C53-0DF3-4CDC-011E3713B255}"/>
          </ac:spMkLst>
        </pc:spChg>
        <pc:spChg chg="add mod ord">
          <ac:chgData name="Odhran Galvin" userId="d8cda971-c518-481f-832c-b450a89c6418" providerId="ADAL" clId="{3CBB1E17-8F1D-4AD6-816B-E290B9DEFB3B}" dt="2026-02-17T10:51:41.709" v="5934" actId="1076"/>
          <ac:spMkLst>
            <pc:docMk/>
            <pc:sldMk cId="3291770429" sldId="273"/>
            <ac:spMk id="21" creationId="{3A4E98CC-021F-0020-C180-1C8CE6E23EF5}"/>
          </ac:spMkLst>
        </pc:spChg>
        <pc:spChg chg="add mod">
          <ac:chgData name="Odhran Galvin" userId="d8cda971-c518-481f-832c-b450a89c6418" providerId="ADAL" clId="{3CBB1E17-8F1D-4AD6-816B-E290B9DEFB3B}" dt="2026-02-17T10:54:59.936" v="5979" actId="1076"/>
          <ac:spMkLst>
            <pc:docMk/>
            <pc:sldMk cId="3291770429" sldId="273"/>
            <ac:spMk id="35" creationId="{BB9CE9DE-9ADB-3DB7-98EB-0FF38A21176F}"/>
          </ac:spMkLst>
        </pc:spChg>
        <pc:spChg chg="add del mod">
          <ac:chgData name="Odhran Galvin" userId="d8cda971-c518-481f-832c-b450a89c6418" providerId="ADAL" clId="{3CBB1E17-8F1D-4AD6-816B-E290B9DEFB3B}" dt="2026-02-16T10:46:46.658" v="1342" actId="478"/>
          <ac:spMkLst>
            <pc:docMk/>
            <pc:sldMk cId="3291770429" sldId="273"/>
            <ac:spMk id="38" creationId="{EDEBF5B5-6A20-B088-E5F3-A3545C110846}"/>
          </ac:spMkLst>
        </pc:spChg>
        <pc:spChg chg="add mod">
          <ac:chgData name="Odhran Galvin" userId="d8cda971-c518-481f-832c-b450a89c6418" providerId="ADAL" clId="{3CBB1E17-8F1D-4AD6-816B-E290B9DEFB3B}" dt="2026-02-17T10:54:34.620" v="5975" actId="1076"/>
          <ac:spMkLst>
            <pc:docMk/>
            <pc:sldMk cId="3291770429" sldId="273"/>
            <ac:spMk id="39" creationId="{99E814FE-F643-2844-AC9A-D91B1844F286}"/>
          </ac:spMkLst>
        </pc:spChg>
        <pc:spChg chg="add mod">
          <ac:chgData name="Odhran Galvin" userId="d8cda971-c518-481f-832c-b450a89c6418" providerId="ADAL" clId="{3CBB1E17-8F1D-4AD6-816B-E290B9DEFB3B}" dt="2026-02-17T10:54:40.272" v="5976" actId="14100"/>
          <ac:spMkLst>
            <pc:docMk/>
            <pc:sldMk cId="3291770429" sldId="273"/>
            <ac:spMk id="46" creationId="{DA055C4B-B766-5419-43F1-5EE8A14C4283}"/>
          </ac:spMkLst>
        </pc:spChg>
        <pc:spChg chg="add mod">
          <ac:chgData name="Odhran Galvin" userId="d8cda971-c518-481f-832c-b450a89c6418" providerId="ADAL" clId="{3CBB1E17-8F1D-4AD6-816B-E290B9DEFB3B}" dt="2026-02-17T10:54:17.162" v="5970" actId="14100"/>
          <ac:spMkLst>
            <pc:docMk/>
            <pc:sldMk cId="3291770429" sldId="273"/>
            <ac:spMk id="47" creationId="{5C0F2A56-12C3-F182-1C48-925C712C81FC}"/>
          </ac:spMkLst>
        </pc:spChg>
        <pc:picChg chg="add del mod">
          <ac:chgData name="Odhran Galvin" userId="d8cda971-c518-481f-832c-b450a89c6418" providerId="ADAL" clId="{3CBB1E17-8F1D-4AD6-816B-E290B9DEFB3B}" dt="2026-02-16T10:37:34.608" v="1228" actId="478"/>
          <ac:picMkLst>
            <pc:docMk/>
            <pc:sldMk cId="3291770429" sldId="273"/>
            <ac:picMk id="4" creationId="{94D5BF3F-E964-0D3C-A764-82EAE21220AD}"/>
          </ac:picMkLst>
        </pc:picChg>
        <pc:picChg chg="add del mod">
          <ac:chgData name="Odhran Galvin" userId="d8cda971-c518-481f-832c-b450a89c6418" providerId="ADAL" clId="{3CBB1E17-8F1D-4AD6-816B-E290B9DEFB3B}" dt="2026-02-16T10:39:31.282" v="1243" actId="478"/>
          <ac:picMkLst>
            <pc:docMk/>
            <pc:sldMk cId="3291770429" sldId="273"/>
            <ac:picMk id="9" creationId="{75E5FEE2-64ED-CAAD-6C43-DE6CFC62B891}"/>
          </ac:picMkLst>
        </pc:picChg>
        <pc:picChg chg="add mod">
          <ac:chgData name="Odhran Galvin" userId="d8cda971-c518-481f-832c-b450a89c6418" providerId="ADAL" clId="{3CBB1E17-8F1D-4AD6-816B-E290B9DEFB3B}" dt="2026-02-17T10:55:28.269" v="5985" actId="1076"/>
          <ac:picMkLst>
            <pc:docMk/>
            <pc:sldMk cId="3291770429" sldId="273"/>
            <ac:picMk id="20" creationId="{3DA282AE-9F52-BA50-EF17-CBF0268DAC0F}"/>
          </ac:picMkLst>
        </pc:picChg>
        <pc:picChg chg="add del mod">
          <ac:chgData name="Odhran Galvin" userId="d8cda971-c518-481f-832c-b450a89c6418" providerId="ADAL" clId="{3CBB1E17-8F1D-4AD6-816B-E290B9DEFB3B}" dt="2026-02-16T10:42:35.122" v="1271" actId="478"/>
          <ac:picMkLst>
            <pc:docMk/>
            <pc:sldMk cId="3291770429" sldId="273"/>
            <ac:picMk id="30" creationId="{20862515-A9BD-5B50-5048-89A0A44791AE}"/>
          </ac:picMkLst>
        </pc:picChg>
        <pc:picChg chg="add del mod">
          <ac:chgData name="Odhran Galvin" userId="d8cda971-c518-481f-832c-b450a89c6418" providerId="ADAL" clId="{3CBB1E17-8F1D-4AD6-816B-E290B9DEFB3B}" dt="2026-02-16T10:46:44.396" v="1341" actId="478"/>
          <ac:picMkLst>
            <pc:docMk/>
            <pc:sldMk cId="3291770429" sldId="273"/>
            <ac:picMk id="32" creationId="{77245306-0979-D1F5-999F-0C06DEC2FFD1}"/>
          </ac:picMkLst>
        </pc:picChg>
        <pc:picChg chg="add del mod">
          <ac:chgData name="Odhran Galvin" userId="d8cda971-c518-481f-832c-b450a89c6418" providerId="ADAL" clId="{3CBB1E17-8F1D-4AD6-816B-E290B9DEFB3B}" dt="2026-02-16T10:46:42.327" v="1340" actId="478"/>
          <ac:picMkLst>
            <pc:docMk/>
            <pc:sldMk cId="3291770429" sldId="273"/>
            <ac:picMk id="34" creationId="{2C738569-7E92-E23F-E3F5-0FC6CF2F238D}"/>
          </ac:picMkLst>
        </pc:picChg>
        <pc:picChg chg="add del mod">
          <ac:chgData name="Odhran Galvin" userId="d8cda971-c518-481f-832c-b450a89c6418" providerId="ADAL" clId="{3CBB1E17-8F1D-4AD6-816B-E290B9DEFB3B}" dt="2026-02-16T10:47:42.597" v="1375" actId="478"/>
          <ac:picMkLst>
            <pc:docMk/>
            <pc:sldMk cId="3291770429" sldId="273"/>
            <ac:picMk id="41" creationId="{E855A1D4-18CB-3223-DD41-6DC94F5063CD}"/>
          </ac:picMkLst>
        </pc:picChg>
        <pc:picChg chg="add del mod">
          <ac:chgData name="Odhran Galvin" userId="d8cda971-c518-481f-832c-b450a89c6418" providerId="ADAL" clId="{3CBB1E17-8F1D-4AD6-816B-E290B9DEFB3B}" dt="2026-02-16T10:52:20.487" v="1693" actId="478"/>
          <ac:picMkLst>
            <pc:docMk/>
            <pc:sldMk cId="3291770429" sldId="273"/>
            <ac:picMk id="43" creationId="{4AE3124F-CB0B-E9BA-D7A6-B1BAE1609488}"/>
          </ac:picMkLst>
        </pc:picChg>
        <pc:picChg chg="add mod">
          <ac:chgData name="Odhran Galvin" userId="d8cda971-c518-481f-832c-b450a89c6418" providerId="ADAL" clId="{3CBB1E17-8F1D-4AD6-816B-E290B9DEFB3B}" dt="2026-02-17T10:54:51.647" v="5978" actId="1076"/>
          <ac:picMkLst>
            <pc:docMk/>
            <pc:sldMk cId="3291770429" sldId="273"/>
            <ac:picMk id="45" creationId="{64CF7C63-D150-CDF2-F977-757DCFAF0683}"/>
          </ac:picMkLst>
        </pc:picChg>
        <pc:picChg chg="add del mod">
          <ac:chgData name="Odhran Galvin" userId="d8cda971-c518-481f-832c-b450a89c6418" providerId="ADAL" clId="{3CBB1E17-8F1D-4AD6-816B-E290B9DEFB3B}" dt="2026-02-16T10:52:30.557" v="1698" actId="478"/>
          <ac:picMkLst>
            <pc:docMk/>
            <pc:sldMk cId="3291770429" sldId="273"/>
            <ac:picMk id="49" creationId="{CDA42DA2-055A-9DCD-6AA0-D1718A9970F6}"/>
          </ac:picMkLst>
        </pc:picChg>
        <pc:picChg chg="add mod">
          <ac:chgData name="Odhran Galvin" userId="d8cda971-c518-481f-832c-b450a89c6418" providerId="ADAL" clId="{3CBB1E17-8F1D-4AD6-816B-E290B9DEFB3B}" dt="2026-02-17T10:54:20.482" v="5971" actId="14100"/>
          <ac:picMkLst>
            <pc:docMk/>
            <pc:sldMk cId="3291770429" sldId="273"/>
            <ac:picMk id="51" creationId="{2C2A96B6-ABBF-5DEF-B96E-60609CE15400}"/>
          </ac:picMkLst>
        </pc:picChg>
        <pc:inkChg chg="add del mod">
          <ac:chgData name="Odhran Galvin" userId="d8cda971-c518-481f-832c-b450a89c6418" providerId="ADAL" clId="{3CBB1E17-8F1D-4AD6-816B-E290B9DEFB3B}" dt="2026-02-16T10:37:36.831" v="1229" actId="478"/>
          <ac:inkMkLst>
            <pc:docMk/>
            <pc:sldMk cId="3291770429" sldId="273"/>
            <ac:inkMk id="7" creationId="{8498767E-2D8F-40F9-089A-6B7DF939959F}"/>
          </ac:inkMkLst>
        </pc:inkChg>
        <pc:cxnChg chg="add mod ord">
          <ac:chgData name="Odhran Galvin" userId="d8cda971-c518-481f-832c-b450a89c6418" providerId="ADAL" clId="{3CBB1E17-8F1D-4AD6-816B-E290B9DEFB3B}" dt="2026-02-17T10:55:20.678" v="5983" actId="14100"/>
          <ac:cxnSpMkLst>
            <pc:docMk/>
            <pc:sldMk cId="3291770429" sldId="273"/>
            <ac:cxnSpMk id="16" creationId="{DC94BF80-791D-79DF-6BD4-1863322F1A57}"/>
          </ac:cxnSpMkLst>
        </pc:cxnChg>
        <pc:cxnChg chg="add mod ord">
          <ac:chgData name="Odhran Galvin" userId="d8cda971-c518-481f-832c-b450a89c6418" providerId="ADAL" clId="{3CBB1E17-8F1D-4AD6-816B-E290B9DEFB3B}" dt="2026-02-17T10:55:13.676" v="5981" actId="14100"/>
          <ac:cxnSpMkLst>
            <pc:docMk/>
            <pc:sldMk cId="3291770429" sldId="273"/>
            <ac:cxnSpMk id="18" creationId="{07C0973A-4E6B-5166-607B-8B41A76F9675}"/>
          </ac:cxnSpMkLst>
        </pc:cxnChg>
        <pc:cxnChg chg="add mod ord">
          <ac:chgData name="Odhran Galvin" userId="d8cda971-c518-481f-832c-b450a89c6418" providerId="ADAL" clId="{3CBB1E17-8F1D-4AD6-816B-E290B9DEFB3B}" dt="2026-02-16T16:00:37.662" v="5821" actId="208"/>
          <ac:cxnSpMkLst>
            <pc:docMk/>
            <pc:sldMk cId="3291770429" sldId="273"/>
            <ac:cxnSpMk id="19" creationId="{6104EA57-D2F2-CF7A-755A-7BD5B0F47ED3}"/>
          </ac:cxnSpMkLst>
        </pc:cxnChg>
        <pc:cxnChg chg="add mod">
          <ac:chgData name="Odhran Galvin" userId="d8cda971-c518-481f-832c-b450a89c6418" providerId="ADAL" clId="{3CBB1E17-8F1D-4AD6-816B-E290B9DEFB3B}" dt="2026-02-16T10:38:32.223" v="1241" actId="1076"/>
          <ac:cxnSpMkLst>
            <pc:docMk/>
            <pc:sldMk cId="3291770429" sldId="273"/>
            <ac:cxnSpMk id="22" creationId="{CE967C01-D966-C2F0-398F-99F3A0CC7A24}"/>
          </ac:cxnSpMkLst>
        </pc:cxnChg>
        <pc:cxnChg chg="add mod ord">
          <ac:chgData name="Odhran Galvin" userId="d8cda971-c518-481f-832c-b450a89c6418" providerId="ADAL" clId="{3CBB1E17-8F1D-4AD6-816B-E290B9DEFB3B}" dt="2026-02-17T10:55:15.888" v="5982" actId="14100"/>
          <ac:cxnSpMkLst>
            <pc:docMk/>
            <pc:sldMk cId="3291770429" sldId="273"/>
            <ac:cxnSpMk id="25" creationId="{08446459-2309-6842-C35A-3B3A3E14C2F2}"/>
          </ac:cxnSpMkLst>
        </pc:cxnChg>
      </pc:sldChg>
      <pc:sldChg chg="addSp delSp modSp add mod">
        <pc:chgData name="Odhran Galvin" userId="d8cda971-c518-481f-832c-b450a89c6418" providerId="ADAL" clId="{3CBB1E17-8F1D-4AD6-816B-E290B9DEFB3B}" dt="2026-02-17T10:59:03.776" v="6042" actId="14100"/>
        <pc:sldMkLst>
          <pc:docMk/>
          <pc:sldMk cId="4144122863" sldId="274"/>
        </pc:sldMkLst>
        <pc:spChg chg="add mod">
          <ac:chgData name="Odhran Galvin" userId="d8cda971-c518-481f-832c-b450a89c6418" providerId="ADAL" clId="{3CBB1E17-8F1D-4AD6-816B-E290B9DEFB3B}" dt="2026-02-17T10:59:01.955" v="6041" actId="14100"/>
          <ac:spMkLst>
            <pc:docMk/>
            <pc:sldMk cId="4144122863" sldId="274"/>
            <ac:spMk id="5" creationId="{9DD14BF6-DB76-A877-EE34-2D791FFBB3D8}"/>
          </ac:spMkLst>
        </pc:spChg>
        <pc:spChg chg="add mod">
          <ac:chgData name="Odhran Galvin" userId="d8cda971-c518-481f-832c-b450a89c6418" providerId="ADAL" clId="{3CBB1E17-8F1D-4AD6-816B-E290B9DEFB3B}" dt="2026-02-17T10:59:03.776" v="6042" actId="14100"/>
          <ac:spMkLst>
            <pc:docMk/>
            <pc:sldMk cId="4144122863" sldId="274"/>
            <ac:spMk id="7" creationId="{75378156-9544-F697-4DF1-F145158602CB}"/>
          </ac:spMkLst>
        </pc:spChg>
        <pc:spChg chg="add mod">
          <ac:chgData name="Odhran Galvin" userId="d8cda971-c518-481f-832c-b450a89c6418" providerId="ADAL" clId="{3CBB1E17-8F1D-4AD6-816B-E290B9DEFB3B}" dt="2026-02-16T11:52:43.460" v="3657" actId="2711"/>
          <ac:spMkLst>
            <pc:docMk/>
            <pc:sldMk cId="4144122863" sldId="274"/>
            <ac:spMk id="8" creationId="{3A638F96-C186-BB7C-730C-CA1248BFC9B4}"/>
          </ac:spMkLst>
        </pc:spChg>
        <pc:spChg chg="add mod">
          <ac:chgData name="Odhran Galvin" userId="d8cda971-c518-481f-832c-b450a89c6418" providerId="ADAL" clId="{3CBB1E17-8F1D-4AD6-816B-E290B9DEFB3B}" dt="2026-02-16T11:40:28.082" v="3068" actId="1076"/>
          <ac:spMkLst>
            <pc:docMk/>
            <pc:sldMk cId="4144122863" sldId="274"/>
            <ac:spMk id="9" creationId="{83A71553-C661-0999-A545-358003ACB067}"/>
          </ac:spMkLst>
        </pc:spChg>
        <pc:spChg chg="add mod">
          <ac:chgData name="Odhran Galvin" userId="d8cda971-c518-481f-832c-b450a89c6418" providerId="ADAL" clId="{3CBB1E17-8F1D-4AD6-816B-E290B9DEFB3B}" dt="2026-02-16T11:52:43.460" v="3657" actId="2711"/>
          <ac:spMkLst>
            <pc:docMk/>
            <pc:sldMk cId="4144122863" sldId="274"/>
            <ac:spMk id="16" creationId="{D5B2E17D-115B-4186-318B-B4DF1F1B040A}"/>
          </ac:spMkLst>
        </pc:spChg>
        <pc:spChg chg="add mod">
          <ac:chgData name="Odhran Galvin" userId="d8cda971-c518-481f-832c-b450a89c6418" providerId="ADAL" clId="{3CBB1E17-8F1D-4AD6-816B-E290B9DEFB3B}" dt="2026-02-16T11:12:53.866" v="2321" actId="1076"/>
          <ac:spMkLst>
            <pc:docMk/>
            <pc:sldMk cId="4144122863" sldId="274"/>
            <ac:spMk id="17" creationId="{7428163F-28B2-9CB8-1CEE-24A9CF4764CB}"/>
          </ac:spMkLst>
        </pc:spChg>
        <pc:spChg chg="add mod">
          <ac:chgData name="Odhran Galvin" userId="d8cda971-c518-481f-832c-b450a89c6418" providerId="ADAL" clId="{3CBB1E17-8F1D-4AD6-816B-E290B9DEFB3B}" dt="2026-02-17T10:58:32.720" v="6040" actId="1076"/>
          <ac:spMkLst>
            <pc:docMk/>
            <pc:sldMk cId="4144122863" sldId="274"/>
            <ac:spMk id="18" creationId="{4421B99E-5B1A-F07C-7FC4-10707049BDA8}"/>
          </ac:spMkLst>
        </pc:spChg>
        <pc:picChg chg="add mod">
          <ac:chgData name="Odhran Galvin" userId="d8cda971-c518-481f-832c-b450a89c6418" providerId="ADAL" clId="{3CBB1E17-8F1D-4AD6-816B-E290B9DEFB3B}" dt="2026-02-16T11:40:23.761" v="3067" actId="1076"/>
          <ac:picMkLst>
            <pc:docMk/>
            <pc:sldMk cId="4144122863" sldId="274"/>
            <ac:picMk id="3" creationId="{13FB2CD6-011F-8026-0F13-1E7EDB062C39}"/>
          </ac:picMkLst>
        </pc:picChg>
        <pc:picChg chg="add mod">
          <ac:chgData name="Odhran Galvin" userId="d8cda971-c518-481f-832c-b450a89c6418" providerId="ADAL" clId="{3CBB1E17-8F1D-4AD6-816B-E290B9DEFB3B}" dt="2026-02-16T11:40:31.061" v="3069" actId="1076"/>
          <ac:picMkLst>
            <pc:docMk/>
            <pc:sldMk cId="4144122863" sldId="274"/>
            <ac:picMk id="4" creationId="{EDECEDE2-BE15-2BAD-CDAF-AB48A1F911F8}"/>
          </ac:picMkLst>
        </pc:picChg>
        <pc:picChg chg="add mod">
          <ac:chgData name="Odhran Galvin" userId="d8cda971-c518-481f-832c-b450a89c6418" providerId="ADAL" clId="{3CBB1E17-8F1D-4AD6-816B-E290B9DEFB3B}" dt="2026-02-16T12:03:20.290" v="3676" actId="1076"/>
          <ac:picMkLst>
            <pc:docMk/>
            <pc:sldMk cId="4144122863" sldId="274"/>
            <ac:picMk id="11" creationId="{1FF80109-6122-1C70-35B2-FE917418F9BE}"/>
          </ac:picMkLst>
        </pc:picChg>
        <pc:picChg chg="add del mod">
          <ac:chgData name="Odhran Galvin" userId="d8cda971-c518-481f-832c-b450a89c6418" providerId="ADAL" clId="{3CBB1E17-8F1D-4AD6-816B-E290B9DEFB3B}" dt="2026-02-16T11:04:05.287" v="2092" actId="478"/>
          <ac:picMkLst>
            <pc:docMk/>
            <pc:sldMk cId="4144122863" sldId="274"/>
            <ac:picMk id="11" creationId="{6C53C4A2-7FF2-4CD1-3860-2BB2564F794A}"/>
          </ac:picMkLst>
        </pc:picChg>
        <pc:picChg chg="add mod">
          <ac:chgData name="Odhran Galvin" userId="d8cda971-c518-481f-832c-b450a89c6418" providerId="ADAL" clId="{3CBB1E17-8F1D-4AD6-816B-E290B9DEFB3B}" dt="2026-02-16T12:03:25.525" v="3678" actId="1076"/>
          <ac:picMkLst>
            <pc:docMk/>
            <pc:sldMk cId="4144122863" sldId="274"/>
            <ac:picMk id="12" creationId="{E9C50520-92DA-063C-8BEB-42E792D8A184}"/>
          </ac:picMkLst>
        </pc:picChg>
        <pc:picChg chg="add mod">
          <ac:chgData name="Odhran Galvin" userId="d8cda971-c518-481f-832c-b450a89c6418" providerId="ADAL" clId="{3CBB1E17-8F1D-4AD6-816B-E290B9DEFB3B}" dt="2026-02-16T11:12:44.122" v="2318" actId="1076"/>
          <ac:picMkLst>
            <pc:docMk/>
            <pc:sldMk cId="4144122863" sldId="274"/>
            <ac:picMk id="13" creationId="{E7E9C39E-3CF7-5680-621B-832AC2426048}"/>
          </ac:picMkLst>
        </pc:picChg>
      </pc:sldChg>
      <pc:sldChg chg="addSp delSp modSp add mod">
        <pc:chgData name="Odhran Galvin" userId="d8cda971-c518-481f-832c-b450a89c6418" providerId="ADAL" clId="{3CBB1E17-8F1D-4AD6-816B-E290B9DEFB3B}" dt="2026-02-17T11:06:36.462" v="6599" actId="207"/>
        <pc:sldMkLst>
          <pc:docMk/>
          <pc:sldMk cId="2593198521" sldId="275"/>
        </pc:sldMkLst>
        <pc:spChg chg="add mod">
          <ac:chgData name="Odhran Galvin" userId="d8cda971-c518-481f-832c-b450a89c6418" providerId="ADAL" clId="{3CBB1E17-8F1D-4AD6-816B-E290B9DEFB3B}" dt="2026-02-17T11:06:03.167" v="6585" actId="20577"/>
          <ac:spMkLst>
            <pc:docMk/>
            <pc:sldMk cId="2593198521" sldId="275"/>
            <ac:spMk id="10" creationId="{2C43FA67-0F6E-FB95-648B-A45457751C1D}"/>
          </ac:spMkLst>
        </pc:spChg>
        <pc:spChg chg="add mod">
          <ac:chgData name="Odhran Galvin" userId="d8cda971-c518-481f-832c-b450a89c6418" providerId="ADAL" clId="{3CBB1E17-8F1D-4AD6-816B-E290B9DEFB3B}" dt="2026-02-17T11:06:18.729" v="6592" actId="14100"/>
          <ac:spMkLst>
            <pc:docMk/>
            <pc:sldMk cId="2593198521" sldId="275"/>
            <ac:spMk id="13" creationId="{F464CD02-6430-0303-1937-CB01B29CF056}"/>
          </ac:spMkLst>
        </pc:spChg>
        <pc:spChg chg="add mod">
          <ac:chgData name="Odhran Galvin" userId="d8cda971-c518-481f-832c-b450a89c6418" providerId="ADAL" clId="{3CBB1E17-8F1D-4AD6-816B-E290B9DEFB3B}" dt="2026-02-16T11:39:32.470" v="3056" actId="14100"/>
          <ac:spMkLst>
            <pc:docMk/>
            <pc:sldMk cId="2593198521" sldId="275"/>
            <ac:spMk id="16" creationId="{72FC09AA-0BBB-CC71-4BD9-39E17294B3D6}"/>
          </ac:spMkLst>
        </pc:spChg>
        <pc:spChg chg="add mod">
          <ac:chgData name="Odhran Galvin" userId="d8cda971-c518-481f-832c-b450a89c6418" providerId="ADAL" clId="{3CBB1E17-8F1D-4AD6-816B-E290B9DEFB3B}" dt="2026-02-17T10:59:39.211" v="6051" actId="14100"/>
          <ac:spMkLst>
            <pc:docMk/>
            <pc:sldMk cId="2593198521" sldId="275"/>
            <ac:spMk id="17" creationId="{B42E13AD-203F-9C79-67B6-EDB1E4E733B6}"/>
          </ac:spMkLst>
        </pc:spChg>
        <pc:spChg chg="add mod">
          <ac:chgData name="Odhran Galvin" userId="d8cda971-c518-481f-832c-b450a89c6418" providerId="ADAL" clId="{3CBB1E17-8F1D-4AD6-816B-E290B9DEFB3B}" dt="2026-02-17T11:06:36.462" v="6599" actId="207"/>
          <ac:spMkLst>
            <pc:docMk/>
            <pc:sldMk cId="2593198521" sldId="275"/>
            <ac:spMk id="18" creationId="{467E389D-E98F-39E4-475D-BADDD38338F8}"/>
          </ac:spMkLst>
        </pc:spChg>
        <pc:spChg chg="add mod">
          <ac:chgData name="Odhran Galvin" userId="d8cda971-c518-481f-832c-b450a89c6418" providerId="ADAL" clId="{3CBB1E17-8F1D-4AD6-816B-E290B9DEFB3B}" dt="2026-02-17T10:59:19.579" v="6047" actId="1076"/>
          <ac:spMkLst>
            <pc:docMk/>
            <pc:sldMk cId="2593198521" sldId="275"/>
            <ac:spMk id="19" creationId="{70267AD9-B33A-D597-18E8-E511212D495D}"/>
          </ac:spMkLst>
        </pc:spChg>
        <pc:picChg chg="add del mod">
          <ac:chgData name="Odhran Galvin" userId="d8cda971-c518-481f-832c-b450a89c6418" providerId="ADAL" clId="{3CBB1E17-8F1D-4AD6-816B-E290B9DEFB3B}" dt="2026-02-16T12:03:30.592" v="3680" actId="478"/>
          <ac:picMkLst>
            <pc:docMk/>
            <pc:sldMk cId="2593198521" sldId="275"/>
            <ac:picMk id="3" creationId="{FEA683FE-4E43-6833-968E-55FD1EF9DC15}"/>
          </ac:picMkLst>
        </pc:picChg>
        <pc:picChg chg="add mod">
          <ac:chgData name="Odhran Galvin" userId="d8cda971-c518-481f-832c-b450a89c6418" providerId="ADAL" clId="{3CBB1E17-8F1D-4AD6-816B-E290B9DEFB3B}" dt="2026-02-17T11:01:35.973" v="6093" actId="1076"/>
          <ac:picMkLst>
            <pc:docMk/>
            <pc:sldMk cId="2593198521" sldId="275"/>
            <ac:picMk id="4" creationId="{1AA4DDF0-374B-30EE-25E3-05BED96B7886}"/>
          </ac:picMkLst>
        </pc:picChg>
        <pc:picChg chg="add mod">
          <ac:chgData name="Odhran Galvin" userId="d8cda971-c518-481f-832c-b450a89c6418" providerId="ADAL" clId="{3CBB1E17-8F1D-4AD6-816B-E290B9DEFB3B}" dt="2026-02-17T11:01:44.344" v="6095" actId="1076"/>
          <ac:picMkLst>
            <pc:docMk/>
            <pc:sldMk cId="2593198521" sldId="275"/>
            <ac:picMk id="7" creationId="{AEC33F74-D6C6-7021-8A26-54E2B6A66B8F}"/>
          </ac:picMkLst>
        </pc:picChg>
        <pc:picChg chg="add del">
          <ac:chgData name="Odhran Galvin" userId="d8cda971-c518-481f-832c-b450a89c6418" providerId="ADAL" clId="{3CBB1E17-8F1D-4AD6-816B-E290B9DEFB3B}" dt="2026-02-16T11:14:03.909" v="2326" actId="478"/>
          <ac:picMkLst>
            <pc:docMk/>
            <pc:sldMk cId="2593198521" sldId="275"/>
            <ac:picMk id="7" creationId="{BB129921-317B-8257-AFFE-96953392D6EB}"/>
          </ac:picMkLst>
        </pc:picChg>
        <pc:picChg chg="add mod">
          <ac:chgData name="Odhran Galvin" userId="d8cda971-c518-481f-832c-b450a89c6418" providerId="ADAL" clId="{3CBB1E17-8F1D-4AD6-816B-E290B9DEFB3B}" dt="2026-02-16T12:03:53.659" v="3685" actId="1076"/>
          <ac:picMkLst>
            <pc:docMk/>
            <pc:sldMk cId="2593198521" sldId="275"/>
            <ac:picMk id="8" creationId="{0C51C524-DF97-BE9F-D61A-A6137366274F}"/>
          </ac:picMkLst>
        </pc:picChg>
        <pc:picChg chg="add mod">
          <ac:chgData name="Odhran Galvin" userId="d8cda971-c518-481f-832c-b450a89c6418" providerId="ADAL" clId="{3CBB1E17-8F1D-4AD6-816B-E290B9DEFB3B}" dt="2026-02-16T11:33:31.424" v="2609" actId="1076"/>
          <ac:picMkLst>
            <pc:docMk/>
            <pc:sldMk cId="2593198521" sldId="275"/>
            <ac:picMk id="9" creationId="{2E5DBD37-D8E6-0DB7-20B4-31175A05C206}"/>
          </ac:picMkLst>
        </pc:picChg>
        <pc:picChg chg="add mod">
          <ac:chgData name="Odhran Galvin" userId="d8cda971-c518-481f-832c-b450a89c6418" providerId="ADAL" clId="{3CBB1E17-8F1D-4AD6-816B-E290B9DEFB3B}" dt="2026-02-16T11:39:39.916" v="3057" actId="1076"/>
          <ac:picMkLst>
            <pc:docMk/>
            <pc:sldMk cId="2593198521" sldId="275"/>
            <ac:picMk id="12" creationId="{4F6FBACC-6199-F51A-38A3-807F48D7723F}"/>
          </ac:picMkLst>
        </pc:picChg>
      </pc:sldChg>
      <pc:sldChg chg="add del">
        <pc:chgData name="Odhran Galvin" userId="d8cda971-c518-481f-832c-b450a89c6418" providerId="ADAL" clId="{3CBB1E17-8F1D-4AD6-816B-E290B9DEFB3B}" dt="2026-02-16T10:46:29.233" v="1337" actId="47"/>
        <pc:sldMkLst>
          <pc:docMk/>
          <pc:sldMk cId="1016622612" sldId="276"/>
        </pc:sldMkLst>
      </pc:sldChg>
      <pc:sldChg chg="addSp delSp modSp add mod">
        <pc:chgData name="Odhran Galvin" userId="d8cda971-c518-481f-832c-b450a89c6418" providerId="ADAL" clId="{3CBB1E17-8F1D-4AD6-816B-E290B9DEFB3B}" dt="2026-02-17T11:08:53.120" v="6638" actId="1076"/>
        <pc:sldMkLst>
          <pc:docMk/>
          <pc:sldMk cId="1612919263" sldId="276"/>
        </pc:sldMkLst>
        <pc:spChg chg="del">
          <ac:chgData name="Odhran Galvin" userId="d8cda971-c518-481f-832c-b450a89c6418" providerId="ADAL" clId="{3CBB1E17-8F1D-4AD6-816B-E290B9DEFB3B}" dt="2026-02-16T11:41:06.850" v="3077" actId="478"/>
          <ac:spMkLst>
            <pc:docMk/>
            <pc:sldMk cId="1612919263" sldId="276"/>
            <ac:spMk id="10" creationId="{1F4E02AD-1FE8-6120-17DA-D4EA87A7D645}"/>
          </ac:spMkLst>
        </pc:spChg>
        <pc:spChg chg="del">
          <ac:chgData name="Odhran Galvin" userId="d8cda971-c518-481f-832c-b450a89c6418" providerId="ADAL" clId="{3CBB1E17-8F1D-4AD6-816B-E290B9DEFB3B}" dt="2026-02-16T11:41:11.157" v="3081" actId="478"/>
          <ac:spMkLst>
            <pc:docMk/>
            <pc:sldMk cId="1612919263" sldId="276"/>
            <ac:spMk id="13" creationId="{54BFA641-5F94-49E9-327E-FCFE20704D92}"/>
          </ac:spMkLst>
        </pc:spChg>
        <pc:spChg chg="mod">
          <ac:chgData name="Odhran Galvin" userId="d8cda971-c518-481f-832c-b450a89c6418" providerId="ADAL" clId="{3CBB1E17-8F1D-4AD6-816B-E290B9DEFB3B}" dt="2026-02-16T11:41:45.706" v="3088" actId="14100"/>
          <ac:spMkLst>
            <pc:docMk/>
            <pc:sldMk cId="1612919263" sldId="276"/>
            <ac:spMk id="16" creationId="{FFA77D53-9D95-DE0A-714E-373A54E6CECB}"/>
          </ac:spMkLst>
        </pc:spChg>
        <pc:spChg chg="del">
          <ac:chgData name="Odhran Galvin" userId="d8cda971-c518-481f-832c-b450a89c6418" providerId="ADAL" clId="{3CBB1E17-8F1D-4AD6-816B-E290B9DEFB3B}" dt="2026-02-16T11:41:13.900" v="3083" actId="478"/>
          <ac:spMkLst>
            <pc:docMk/>
            <pc:sldMk cId="1612919263" sldId="276"/>
            <ac:spMk id="17" creationId="{6C91F87C-7C0A-29CA-489A-F8A7B76C5176}"/>
          </ac:spMkLst>
        </pc:spChg>
        <pc:spChg chg="del">
          <ac:chgData name="Odhran Galvin" userId="d8cda971-c518-481f-832c-b450a89c6418" providerId="ADAL" clId="{3CBB1E17-8F1D-4AD6-816B-E290B9DEFB3B}" dt="2026-02-16T11:41:12.282" v="3082" actId="478"/>
          <ac:spMkLst>
            <pc:docMk/>
            <pc:sldMk cId="1612919263" sldId="276"/>
            <ac:spMk id="18" creationId="{4842C324-B134-23EC-9FB6-6167BD4EC27F}"/>
          </ac:spMkLst>
        </pc:spChg>
        <pc:spChg chg="del">
          <ac:chgData name="Odhran Galvin" userId="d8cda971-c518-481f-832c-b450a89c6418" providerId="ADAL" clId="{3CBB1E17-8F1D-4AD6-816B-E290B9DEFB3B}" dt="2026-02-16T11:41:07.841" v="3078" actId="478"/>
          <ac:spMkLst>
            <pc:docMk/>
            <pc:sldMk cId="1612919263" sldId="276"/>
            <ac:spMk id="19" creationId="{5F3D9028-17DB-1FAA-BB1E-2C4F3EF18231}"/>
          </ac:spMkLst>
        </pc:spChg>
        <pc:spChg chg="add mod">
          <ac:chgData name="Odhran Galvin" userId="d8cda971-c518-481f-832c-b450a89c6418" providerId="ADAL" clId="{3CBB1E17-8F1D-4AD6-816B-E290B9DEFB3B}" dt="2026-02-17T11:07:12.621" v="6604" actId="1076"/>
          <ac:spMkLst>
            <pc:docMk/>
            <pc:sldMk cId="1612919263" sldId="276"/>
            <ac:spMk id="23" creationId="{8BB3066B-5028-AB18-0DEE-C60EB61A29FB}"/>
          </ac:spMkLst>
        </pc:spChg>
        <pc:spChg chg="add mod">
          <ac:chgData name="Odhran Galvin" userId="d8cda971-c518-481f-832c-b450a89c6418" providerId="ADAL" clId="{3CBB1E17-8F1D-4AD6-816B-E290B9DEFB3B}" dt="2026-02-17T11:07:25.494" v="6608" actId="1076"/>
          <ac:spMkLst>
            <pc:docMk/>
            <pc:sldMk cId="1612919263" sldId="276"/>
            <ac:spMk id="26" creationId="{167555D2-9452-1D1B-0BD0-2D404FA1FF88}"/>
          </ac:spMkLst>
        </pc:spChg>
        <pc:spChg chg="add mod">
          <ac:chgData name="Odhran Galvin" userId="d8cda971-c518-481f-832c-b450a89c6418" providerId="ADAL" clId="{3CBB1E17-8F1D-4AD6-816B-E290B9DEFB3B}" dt="2026-02-16T11:48:42.230" v="3486" actId="14100"/>
          <ac:spMkLst>
            <pc:docMk/>
            <pc:sldMk cId="1612919263" sldId="276"/>
            <ac:spMk id="29" creationId="{A3149EF9-B7BB-6FC6-68CD-4092DCAEB22C}"/>
          </ac:spMkLst>
        </pc:spChg>
        <pc:spChg chg="add mod">
          <ac:chgData name="Odhran Galvin" userId="d8cda971-c518-481f-832c-b450a89c6418" providerId="ADAL" clId="{3CBB1E17-8F1D-4AD6-816B-E290B9DEFB3B}" dt="2026-02-16T11:52:25.538" v="3654" actId="2711"/>
          <ac:spMkLst>
            <pc:docMk/>
            <pc:sldMk cId="1612919263" sldId="276"/>
            <ac:spMk id="30" creationId="{F4B639C9-EF7E-3A48-541D-6301665811D1}"/>
          </ac:spMkLst>
        </pc:spChg>
        <pc:spChg chg="add mod">
          <ac:chgData name="Odhran Galvin" userId="d8cda971-c518-481f-832c-b450a89c6418" providerId="ADAL" clId="{3CBB1E17-8F1D-4AD6-816B-E290B9DEFB3B}" dt="2026-02-16T11:48:10.515" v="3424" actId="1076"/>
          <ac:spMkLst>
            <pc:docMk/>
            <pc:sldMk cId="1612919263" sldId="276"/>
            <ac:spMk id="31" creationId="{91470DE2-6B65-16F0-BA8B-33DE6DEF91E8}"/>
          </ac:spMkLst>
        </pc:spChg>
        <pc:spChg chg="add mod">
          <ac:chgData name="Odhran Galvin" userId="d8cda971-c518-481f-832c-b450a89c6418" providerId="ADAL" clId="{3CBB1E17-8F1D-4AD6-816B-E290B9DEFB3B}" dt="2026-02-16T11:52:25.538" v="3654" actId="2711"/>
          <ac:spMkLst>
            <pc:docMk/>
            <pc:sldMk cId="1612919263" sldId="276"/>
            <ac:spMk id="32" creationId="{E5CE0713-160C-EF7F-FF22-EA48F1C09D42}"/>
          </ac:spMkLst>
        </pc:spChg>
        <pc:grpChg chg="del mod">
          <ac:chgData name="Odhran Galvin" userId="d8cda971-c518-481f-832c-b450a89c6418" providerId="ADAL" clId="{3CBB1E17-8F1D-4AD6-816B-E290B9DEFB3B}" dt="2026-02-17T11:08:42.003" v="6636"/>
          <ac:grpSpMkLst>
            <pc:docMk/>
            <pc:sldMk cId="1612919263" sldId="276"/>
            <ac:grpSpMk id="19" creationId="{3FCF96DF-63AC-C02E-3E9A-AC7556E420A1}"/>
          </ac:grpSpMkLst>
        </pc:grpChg>
        <pc:grpChg chg="del mod">
          <ac:chgData name="Odhran Galvin" userId="d8cda971-c518-481f-832c-b450a89c6418" providerId="ADAL" clId="{3CBB1E17-8F1D-4AD6-816B-E290B9DEFB3B}" dt="2026-02-17T11:08:42.003" v="6636"/>
          <ac:grpSpMkLst>
            <pc:docMk/>
            <pc:sldMk cId="1612919263" sldId="276"/>
            <ac:grpSpMk id="27" creationId="{63DA28AC-0420-17DD-E1B9-94BA463966EE}"/>
          </ac:grpSpMkLst>
        </pc:grpChg>
        <pc:grpChg chg="mod">
          <ac:chgData name="Odhran Galvin" userId="d8cda971-c518-481f-832c-b450a89c6418" providerId="ADAL" clId="{3CBB1E17-8F1D-4AD6-816B-E290B9DEFB3B}" dt="2026-02-17T11:08:42.003" v="6636"/>
          <ac:grpSpMkLst>
            <pc:docMk/>
            <pc:sldMk cId="1612919263" sldId="276"/>
            <ac:grpSpMk id="36" creationId="{571E11FD-67A7-9AE2-9D81-D9717398ACCD}"/>
          </ac:grpSpMkLst>
        </pc:grpChg>
        <pc:picChg chg="del">
          <ac:chgData name="Odhran Galvin" userId="d8cda971-c518-481f-832c-b450a89c6418" providerId="ADAL" clId="{3CBB1E17-8F1D-4AD6-816B-E290B9DEFB3B}" dt="2026-02-16T11:41:05.611" v="3076" actId="478"/>
          <ac:picMkLst>
            <pc:docMk/>
            <pc:sldMk cId="1612919263" sldId="276"/>
            <ac:picMk id="4" creationId="{C5BD8C20-08B4-F216-CEEF-1D9BC7116A26}"/>
          </ac:picMkLst>
        </pc:picChg>
        <pc:picChg chg="add mod">
          <ac:chgData name="Odhran Galvin" userId="d8cda971-c518-481f-832c-b450a89c6418" providerId="ADAL" clId="{3CBB1E17-8F1D-4AD6-816B-E290B9DEFB3B}" dt="2026-02-17T11:07:41.758" v="6613" actId="14100"/>
          <ac:picMkLst>
            <pc:docMk/>
            <pc:sldMk cId="1612919263" sldId="276"/>
            <ac:picMk id="5" creationId="{E116E3E6-E40A-182F-035B-BDF7B48BF3BD}"/>
          </ac:picMkLst>
        </pc:picChg>
        <pc:picChg chg="add mod">
          <ac:chgData name="Odhran Galvin" userId="d8cda971-c518-481f-832c-b450a89c6418" providerId="ADAL" clId="{3CBB1E17-8F1D-4AD6-816B-E290B9DEFB3B}" dt="2026-02-17T11:07:59.797" v="6620" actId="1076"/>
          <ac:picMkLst>
            <pc:docMk/>
            <pc:sldMk cId="1612919263" sldId="276"/>
            <ac:picMk id="7" creationId="{392FDB5E-5467-2DAE-5DA7-5A8D16C48035}"/>
          </ac:picMkLst>
        </pc:picChg>
        <pc:picChg chg="del">
          <ac:chgData name="Odhran Galvin" userId="d8cda971-c518-481f-832c-b450a89c6418" providerId="ADAL" clId="{3CBB1E17-8F1D-4AD6-816B-E290B9DEFB3B}" dt="2026-02-16T11:41:08.548" v="3079" actId="478"/>
          <ac:picMkLst>
            <pc:docMk/>
            <pc:sldMk cId="1612919263" sldId="276"/>
            <ac:picMk id="9" creationId="{6F826F47-26E2-906C-9770-8D3CD615EBC7}"/>
          </ac:picMkLst>
        </pc:picChg>
        <pc:picChg chg="del">
          <ac:chgData name="Odhran Galvin" userId="d8cda971-c518-481f-832c-b450a89c6418" providerId="ADAL" clId="{3CBB1E17-8F1D-4AD6-816B-E290B9DEFB3B}" dt="2026-02-16T11:41:09.776" v="3080" actId="478"/>
          <ac:picMkLst>
            <pc:docMk/>
            <pc:sldMk cId="1612919263" sldId="276"/>
            <ac:picMk id="12" creationId="{6C31D5C4-C777-150A-3EDC-CD304688D64F}"/>
          </ac:picMkLst>
        </pc:picChg>
        <pc:picChg chg="add mod">
          <ac:chgData name="Odhran Galvin" userId="d8cda971-c518-481f-832c-b450a89c6418" providerId="ADAL" clId="{3CBB1E17-8F1D-4AD6-816B-E290B9DEFB3B}" dt="2026-02-17T11:08:53.120" v="6638" actId="1076"/>
          <ac:picMkLst>
            <pc:docMk/>
            <pc:sldMk cId="1612919263" sldId="276"/>
            <ac:picMk id="25" creationId="{4CD3A0D4-CCDA-B808-F97A-A429467099C0}"/>
          </ac:picMkLst>
        </pc:picChg>
        <pc:picChg chg="add mod">
          <ac:chgData name="Odhran Galvin" userId="d8cda971-c518-481f-832c-b450a89c6418" providerId="ADAL" clId="{3CBB1E17-8F1D-4AD6-816B-E290B9DEFB3B}" dt="2026-02-16T11:45:52.739" v="3249" actId="14100"/>
          <ac:picMkLst>
            <pc:docMk/>
            <pc:sldMk cId="1612919263" sldId="276"/>
            <ac:picMk id="28" creationId="{6F85B810-09DF-1246-9396-6B10844B8DFE}"/>
          </ac:picMkLst>
        </pc:picChg>
        <pc:inkChg chg="add del">
          <ac:chgData name="Odhran Galvin" userId="d8cda971-c518-481f-832c-b450a89c6418" providerId="ADAL" clId="{3CBB1E17-8F1D-4AD6-816B-E290B9DEFB3B}" dt="2026-02-16T16:01:26.374" v="5830"/>
          <ac:inkMkLst>
            <pc:docMk/>
            <pc:sldMk cId="1612919263" sldId="276"/>
            <ac:inkMk id="3" creationId="{B63B0296-5F31-2985-A963-BDB15D5E6142}"/>
          </ac:inkMkLst>
        </pc:inkChg>
        <pc:inkChg chg="add mod">
          <ac:chgData name="Odhran Galvin" userId="d8cda971-c518-481f-832c-b450a89c6418" providerId="ADAL" clId="{3CBB1E17-8F1D-4AD6-816B-E290B9DEFB3B}" dt="2026-02-17T11:07:53.444" v="6617" actId="1076"/>
          <ac:inkMkLst>
            <pc:docMk/>
            <pc:sldMk cId="1612919263" sldId="276"/>
            <ac:inkMk id="4" creationId="{8B7E8887-FCD4-AD64-9EE3-76961CF7B201}"/>
          </ac:inkMkLst>
        </pc:inkChg>
        <pc:inkChg chg="add del">
          <ac:chgData name="Odhran Galvin" userId="d8cda971-c518-481f-832c-b450a89c6418" providerId="ADAL" clId="{3CBB1E17-8F1D-4AD6-816B-E290B9DEFB3B}" dt="2026-02-16T11:41:59.245" v="3090"/>
          <ac:inkMkLst>
            <pc:docMk/>
            <pc:sldMk cId="1612919263" sldId="276"/>
            <ac:inkMk id="7" creationId="{4F1466F2-2C4F-1358-5E3C-B688EA55F88F}"/>
          </ac:inkMkLst>
        </pc:inkChg>
        <pc:inkChg chg="add del">
          <ac:chgData name="Odhran Galvin" userId="d8cda971-c518-481f-832c-b450a89c6418" providerId="ADAL" clId="{3CBB1E17-8F1D-4AD6-816B-E290B9DEFB3B}" dt="2026-02-16T16:01:41.869" v="5833"/>
          <ac:inkMkLst>
            <pc:docMk/>
            <pc:sldMk cId="1612919263" sldId="276"/>
            <ac:inkMk id="7" creationId="{7A2E923D-C87C-8EFE-8E54-5735C0621476}"/>
          </ac:inkMkLst>
        </pc:inkChg>
        <pc:inkChg chg="add mod">
          <ac:chgData name="Odhran Galvin" userId="d8cda971-c518-481f-832c-b450a89c6418" providerId="ADAL" clId="{3CBB1E17-8F1D-4AD6-816B-E290B9DEFB3B}" dt="2026-02-16T11:43:18.206" v="3164" actId="14100"/>
          <ac:inkMkLst>
            <pc:docMk/>
            <pc:sldMk cId="1612919263" sldId="276"/>
            <ac:inkMk id="8" creationId="{F345903A-83A8-B816-909A-910D40AC97C5}"/>
          </ac:inkMkLst>
        </pc:inkChg>
        <pc:inkChg chg="add mod">
          <ac:chgData name="Odhran Galvin" userId="d8cda971-c518-481f-832c-b450a89c6418" providerId="ADAL" clId="{3CBB1E17-8F1D-4AD6-816B-E290B9DEFB3B}" dt="2026-02-17T11:07:48.985" v="6616" actId="1076"/>
          <ac:inkMkLst>
            <pc:docMk/>
            <pc:sldMk cId="1612919263" sldId="276"/>
            <ac:inkMk id="9" creationId="{BA564006-B87D-9938-8407-9E21AD6D5358}"/>
          </ac:inkMkLst>
        </pc:inkChg>
        <pc:inkChg chg="add del">
          <ac:chgData name="Odhran Galvin" userId="d8cda971-c518-481f-832c-b450a89c6418" providerId="ADAL" clId="{3CBB1E17-8F1D-4AD6-816B-E290B9DEFB3B}" dt="2026-02-17T11:08:07.741" v="6622"/>
          <ac:inkMkLst>
            <pc:docMk/>
            <pc:sldMk cId="1612919263" sldId="276"/>
            <ac:inkMk id="10" creationId="{941AD894-E52F-C2F8-87DE-C53BFA8F662F}"/>
          </ac:inkMkLst>
        </pc:inkChg>
        <pc:inkChg chg="add mod">
          <ac:chgData name="Odhran Galvin" userId="d8cda971-c518-481f-832c-b450a89c6418" providerId="ADAL" clId="{3CBB1E17-8F1D-4AD6-816B-E290B9DEFB3B}" dt="2026-02-17T11:08:16.804" v="6624" actId="1076"/>
          <ac:inkMkLst>
            <pc:docMk/>
            <pc:sldMk cId="1612919263" sldId="276"/>
            <ac:inkMk id="11" creationId="{802AF795-6843-1D38-FF31-6AB11139AFFA}"/>
          </ac:inkMkLst>
        </pc:inkChg>
        <pc:inkChg chg="add del">
          <ac:chgData name="Odhran Galvin" userId="d8cda971-c518-481f-832c-b450a89c6418" providerId="ADAL" clId="{3CBB1E17-8F1D-4AD6-816B-E290B9DEFB3B}" dt="2026-02-16T11:42:12.164" v="3093"/>
          <ac:inkMkLst>
            <pc:docMk/>
            <pc:sldMk cId="1612919263" sldId="276"/>
            <ac:inkMk id="11" creationId="{F701EE6F-E7AC-BF82-E78B-F1AD839C5689}"/>
          </ac:inkMkLst>
        </pc:inkChg>
        <pc:inkChg chg="add">
          <ac:chgData name="Odhran Galvin" userId="d8cda971-c518-481f-832c-b450a89c6418" providerId="ADAL" clId="{3CBB1E17-8F1D-4AD6-816B-E290B9DEFB3B}" dt="2026-02-17T11:08:27.356" v="6625" actId="9405"/>
          <ac:inkMkLst>
            <pc:docMk/>
            <pc:sldMk cId="1612919263" sldId="276"/>
            <ac:inkMk id="12" creationId="{0407F825-CBA9-D1C4-97F9-2720390C1FCB}"/>
          </ac:inkMkLst>
        </pc:inkChg>
        <pc:inkChg chg="add">
          <ac:chgData name="Odhran Galvin" userId="d8cda971-c518-481f-832c-b450a89c6418" providerId="ADAL" clId="{3CBB1E17-8F1D-4AD6-816B-E290B9DEFB3B}" dt="2026-02-17T11:08:28.474" v="6626" actId="9405"/>
          <ac:inkMkLst>
            <pc:docMk/>
            <pc:sldMk cId="1612919263" sldId="276"/>
            <ac:inkMk id="13" creationId="{B74030CD-4005-E1EA-EB4A-E8E977538FE8}"/>
          </ac:inkMkLst>
        </pc:inkChg>
        <pc:inkChg chg="add mod">
          <ac:chgData name="Odhran Galvin" userId="d8cda971-c518-481f-832c-b450a89c6418" providerId="ADAL" clId="{3CBB1E17-8F1D-4AD6-816B-E290B9DEFB3B}" dt="2026-02-17T11:08:42.003" v="6636"/>
          <ac:inkMkLst>
            <pc:docMk/>
            <pc:sldMk cId="1612919263" sldId="276"/>
            <ac:inkMk id="17" creationId="{C789C6A5-139D-B203-D308-CB4AD1259539}"/>
          </ac:inkMkLst>
        </pc:inkChg>
        <pc:inkChg chg="add mod">
          <ac:chgData name="Odhran Galvin" userId="d8cda971-c518-481f-832c-b450a89c6418" providerId="ADAL" clId="{3CBB1E17-8F1D-4AD6-816B-E290B9DEFB3B}" dt="2026-02-17T11:08:42.003" v="6636"/>
          <ac:inkMkLst>
            <pc:docMk/>
            <pc:sldMk cId="1612919263" sldId="276"/>
            <ac:inkMk id="18" creationId="{3EE49A02-26B3-368B-A425-3A1C816CA338}"/>
          </ac:inkMkLst>
        </pc:inkChg>
        <pc:inkChg chg="add mod">
          <ac:chgData name="Odhran Galvin" userId="d8cda971-c518-481f-832c-b450a89c6418" providerId="ADAL" clId="{3CBB1E17-8F1D-4AD6-816B-E290B9DEFB3B}" dt="2026-02-16T16:01:18.812" v="5828" actId="14100"/>
          <ac:inkMkLst>
            <pc:docMk/>
            <pc:sldMk cId="1612919263" sldId="276"/>
            <ac:inkMk id="20" creationId="{E6378773-2F81-840E-B911-A81B1E40B2F8}"/>
          </ac:inkMkLst>
        </pc:inkChg>
        <pc:inkChg chg="add mod">
          <ac:chgData name="Odhran Galvin" userId="d8cda971-c518-481f-832c-b450a89c6418" providerId="ADAL" clId="{3CBB1E17-8F1D-4AD6-816B-E290B9DEFB3B}" dt="2026-02-17T11:08:42.003" v="6636"/>
          <ac:inkMkLst>
            <pc:docMk/>
            <pc:sldMk cId="1612919263" sldId="276"/>
            <ac:inkMk id="21" creationId="{82746851-88C7-82C5-F086-055AA09E6B98}"/>
          </ac:inkMkLst>
        </pc:inkChg>
        <pc:inkChg chg="add del">
          <ac:chgData name="Odhran Galvin" userId="d8cda971-c518-481f-832c-b450a89c6418" providerId="ADAL" clId="{3CBB1E17-8F1D-4AD6-816B-E290B9DEFB3B}" dt="2026-02-16T11:42:26.512" v="3096"/>
          <ac:inkMkLst>
            <pc:docMk/>
            <pc:sldMk cId="1612919263" sldId="276"/>
            <ac:inkMk id="21" creationId="{A3DCEE4B-13E3-CFDF-889D-0618123BD87C}"/>
          </ac:inkMkLst>
        </pc:inkChg>
        <pc:inkChg chg="add mod">
          <ac:chgData name="Odhran Galvin" userId="d8cda971-c518-481f-832c-b450a89c6418" providerId="ADAL" clId="{3CBB1E17-8F1D-4AD6-816B-E290B9DEFB3B}" dt="2026-02-16T16:00:59.785" v="5824" actId="1076"/>
          <ac:inkMkLst>
            <pc:docMk/>
            <pc:sldMk cId="1612919263" sldId="276"/>
            <ac:inkMk id="22" creationId="{DFA4A77E-42AC-5409-3D75-DE958AE74339}"/>
          </ac:inkMkLst>
        </pc:inkChg>
        <pc:inkChg chg="add mod">
          <ac:chgData name="Odhran Galvin" userId="d8cda971-c518-481f-832c-b450a89c6418" providerId="ADAL" clId="{3CBB1E17-8F1D-4AD6-816B-E290B9DEFB3B}" dt="2026-02-17T11:08:42.003" v="6636"/>
          <ac:inkMkLst>
            <pc:docMk/>
            <pc:sldMk cId="1612919263" sldId="276"/>
            <ac:inkMk id="24" creationId="{102CEC86-A29C-816C-EA87-158307D1AC4D}"/>
          </ac:inkMkLst>
        </pc:inkChg>
        <pc:inkChg chg="add">
          <ac:chgData name="Odhran Galvin" userId="d8cda971-c518-481f-832c-b450a89c6418" providerId="ADAL" clId="{3CBB1E17-8F1D-4AD6-816B-E290B9DEFB3B}" dt="2026-02-17T11:08:37.975" v="6633" actId="9405"/>
          <ac:inkMkLst>
            <pc:docMk/>
            <pc:sldMk cId="1612919263" sldId="276"/>
            <ac:inkMk id="33" creationId="{9ECAB9F8-3064-3640-332A-DF72A2B601B4}"/>
          </ac:inkMkLst>
        </pc:inkChg>
        <pc:inkChg chg="add mod">
          <ac:chgData name="Odhran Galvin" userId="d8cda971-c518-481f-832c-b450a89c6418" providerId="ADAL" clId="{3CBB1E17-8F1D-4AD6-816B-E290B9DEFB3B}" dt="2026-02-17T11:08:42.003" v="6636"/>
          <ac:inkMkLst>
            <pc:docMk/>
            <pc:sldMk cId="1612919263" sldId="276"/>
            <ac:inkMk id="34" creationId="{397E5E68-9E45-2DD8-CBF4-C457BCC46E97}"/>
          </ac:inkMkLst>
        </pc:inkChg>
        <pc:inkChg chg="add">
          <ac:chgData name="Odhran Galvin" userId="d8cda971-c518-481f-832c-b450a89c6418" providerId="ADAL" clId="{3CBB1E17-8F1D-4AD6-816B-E290B9DEFB3B}" dt="2026-02-17T11:08:41.069" v="6635" actId="9405"/>
          <ac:inkMkLst>
            <pc:docMk/>
            <pc:sldMk cId="1612919263" sldId="276"/>
            <ac:inkMk id="35" creationId="{6983C995-08D2-3ABD-7080-D498D6E18464}"/>
          </ac:inkMkLst>
        </pc:inkChg>
        <pc:inkChg chg="add">
          <ac:chgData name="Odhran Galvin" userId="d8cda971-c518-481f-832c-b450a89c6418" providerId="ADAL" clId="{3CBB1E17-8F1D-4AD6-816B-E290B9DEFB3B}" dt="2026-02-17T11:08:43.325" v="6637" actId="9405"/>
          <ac:inkMkLst>
            <pc:docMk/>
            <pc:sldMk cId="1612919263" sldId="276"/>
            <ac:inkMk id="37" creationId="{5B0E87A5-A9D9-1B61-73EE-8A91EE266DF1}"/>
          </ac:inkMkLst>
        </pc:inkChg>
      </pc:sldChg>
      <pc:sldChg chg="addSp delSp modSp new mod">
        <pc:chgData name="Odhran Galvin" userId="d8cda971-c518-481f-832c-b450a89c6418" providerId="ADAL" clId="{3CBB1E17-8F1D-4AD6-816B-E290B9DEFB3B}" dt="2026-02-16T15:50:27.788" v="5609" actId="2711"/>
        <pc:sldMkLst>
          <pc:docMk/>
          <pc:sldMk cId="1330024498" sldId="277"/>
        </pc:sldMkLst>
        <pc:spChg chg="del">
          <ac:chgData name="Odhran Galvin" userId="d8cda971-c518-481f-832c-b450a89c6418" providerId="ADAL" clId="{3CBB1E17-8F1D-4AD6-816B-E290B9DEFB3B}" dt="2026-02-16T15:35:19.698" v="4777" actId="478"/>
          <ac:spMkLst>
            <pc:docMk/>
            <pc:sldMk cId="1330024498" sldId="277"/>
            <ac:spMk id="2" creationId="{0A175A85-D2C7-0A39-DF28-83E1C650BE46}"/>
          </ac:spMkLst>
        </pc:spChg>
        <pc:spChg chg="add mod">
          <ac:chgData name="Odhran Galvin" userId="d8cda971-c518-481f-832c-b450a89c6418" providerId="ADAL" clId="{3CBB1E17-8F1D-4AD6-816B-E290B9DEFB3B}" dt="2026-02-16T15:35:16.929" v="4776"/>
          <ac:spMkLst>
            <pc:docMk/>
            <pc:sldMk cId="1330024498" sldId="277"/>
            <ac:spMk id="3" creationId="{25B688B4-6986-2E04-5712-C327066E7317}"/>
          </ac:spMkLst>
        </pc:spChg>
        <pc:spChg chg="add mod">
          <ac:chgData name="Odhran Galvin" userId="d8cda971-c518-481f-832c-b450a89c6418" providerId="ADAL" clId="{3CBB1E17-8F1D-4AD6-816B-E290B9DEFB3B}" dt="2026-02-16T15:35:26.806" v="4778"/>
          <ac:spMkLst>
            <pc:docMk/>
            <pc:sldMk cId="1330024498" sldId="277"/>
            <ac:spMk id="5" creationId="{017BCE78-A253-CFD3-141B-E5C0177E4ACB}"/>
          </ac:spMkLst>
        </pc:spChg>
        <pc:spChg chg="add mod">
          <ac:chgData name="Odhran Galvin" userId="d8cda971-c518-481f-832c-b450a89c6418" providerId="ADAL" clId="{3CBB1E17-8F1D-4AD6-816B-E290B9DEFB3B}" dt="2026-02-16T15:50:27.788" v="5609" actId="2711"/>
          <ac:spMkLst>
            <pc:docMk/>
            <pc:sldMk cId="1330024498" sldId="277"/>
            <ac:spMk id="9" creationId="{F926F286-AB9A-3ED5-8AA3-CDEEF30A509C}"/>
          </ac:spMkLst>
        </pc:spChg>
        <pc:spChg chg="add mod">
          <ac:chgData name="Odhran Galvin" userId="d8cda971-c518-481f-832c-b450a89c6418" providerId="ADAL" clId="{3CBB1E17-8F1D-4AD6-816B-E290B9DEFB3B}" dt="2026-02-16T15:50:27.788" v="5609" actId="2711"/>
          <ac:spMkLst>
            <pc:docMk/>
            <pc:sldMk cId="1330024498" sldId="277"/>
            <ac:spMk id="10" creationId="{F9091174-43AD-4BD2-31FC-5027273C9F23}"/>
          </ac:spMkLst>
        </pc:spChg>
        <pc:spChg chg="add mod">
          <ac:chgData name="Odhran Galvin" userId="d8cda971-c518-481f-832c-b450a89c6418" providerId="ADAL" clId="{3CBB1E17-8F1D-4AD6-816B-E290B9DEFB3B}" dt="2026-02-16T15:50:27.788" v="5609" actId="2711"/>
          <ac:spMkLst>
            <pc:docMk/>
            <pc:sldMk cId="1330024498" sldId="277"/>
            <ac:spMk id="13" creationId="{7C9DC9E1-7EC0-B086-388A-0C6A76B7DF58}"/>
          </ac:spMkLst>
        </pc:spChg>
        <pc:spChg chg="add mod">
          <ac:chgData name="Odhran Galvin" userId="d8cda971-c518-481f-832c-b450a89c6418" providerId="ADAL" clId="{3CBB1E17-8F1D-4AD6-816B-E290B9DEFB3B}" dt="2026-02-16T15:46:51.849" v="5546" actId="14100"/>
          <ac:spMkLst>
            <pc:docMk/>
            <pc:sldMk cId="1330024498" sldId="277"/>
            <ac:spMk id="14" creationId="{46CA9E9C-DC53-6651-2387-BCBC4205768D}"/>
          </ac:spMkLst>
        </pc:spChg>
        <pc:spChg chg="add mod">
          <ac:chgData name="Odhran Galvin" userId="d8cda971-c518-481f-832c-b450a89c6418" providerId="ADAL" clId="{3CBB1E17-8F1D-4AD6-816B-E290B9DEFB3B}" dt="2026-02-16T15:47:41.521" v="5583" actId="20577"/>
          <ac:spMkLst>
            <pc:docMk/>
            <pc:sldMk cId="1330024498" sldId="277"/>
            <ac:spMk id="15" creationId="{AECAD723-4B22-B855-0416-F606CFF2EECC}"/>
          </ac:spMkLst>
        </pc:spChg>
        <pc:picChg chg="add mod">
          <ac:chgData name="Odhran Galvin" userId="d8cda971-c518-481f-832c-b450a89c6418" providerId="ADAL" clId="{3CBB1E17-8F1D-4AD6-816B-E290B9DEFB3B}" dt="2026-02-16T15:35:26.806" v="4778"/>
          <ac:picMkLst>
            <pc:docMk/>
            <pc:sldMk cId="1330024498" sldId="277"/>
            <ac:picMk id="4" creationId="{1C9C01F9-70BD-F487-5EDB-96EBFF33F8EA}"/>
          </ac:picMkLst>
        </pc:picChg>
        <pc:picChg chg="add mod">
          <ac:chgData name="Odhran Galvin" userId="d8cda971-c518-481f-832c-b450a89c6418" providerId="ADAL" clId="{3CBB1E17-8F1D-4AD6-816B-E290B9DEFB3B}" dt="2026-02-16T15:35:26.806" v="4778"/>
          <ac:picMkLst>
            <pc:docMk/>
            <pc:sldMk cId="1330024498" sldId="277"/>
            <ac:picMk id="6" creationId="{49AF981C-3DB4-A6F1-9756-1C9AD75E7A23}"/>
          </ac:picMkLst>
        </pc:picChg>
        <pc:picChg chg="add mod">
          <ac:chgData name="Odhran Galvin" userId="d8cda971-c518-481f-832c-b450a89c6418" providerId="ADAL" clId="{3CBB1E17-8F1D-4AD6-816B-E290B9DEFB3B}" dt="2026-02-16T15:44:22.349" v="5302" actId="1076"/>
          <ac:picMkLst>
            <pc:docMk/>
            <pc:sldMk cId="1330024498" sldId="277"/>
            <ac:picMk id="8" creationId="{37DE3661-C616-844B-1904-53886D0449CC}"/>
          </ac:picMkLst>
        </pc:picChg>
        <pc:picChg chg="add mod">
          <ac:chgData name="Odhran Galvin" userId="d8cda971-c518-481f-832c-b450a89c6418" providerId="ADAL" clId="{3CBB1E17-8F1D-4AD6-816B-E290B9DEFB3B}" dt="2026-02-16T15:44:01.480" v="5295" actId="1076"/>
          <ac:picMkLst>
            <pc:docMk/>
            <pc:sldMk cId="1330024498" sldId="277"/>
            <ac:picMk id="12" creationId="{003F6E12-01CB-EFAF-900A-64DE55F88ADC}"/>
          </ac:picMkLst>
        </pc:picChg>
      </pc:sldChg>
      <pc:sldChg chg="addSp delSp modSp new mod">
        <pc:chgData name="Odhran Galvin" userId="d8cda971-c518-481f-832c-b450a89c6418" providerId="ADAL" clId="{3CBB1E17-8F1D-4AD6-816B-E290B9DEFB3B}" dt="2026-02-17T11:11:25.855" v="6662" actId="14100"/>
        <pc:sldMkLst>
          <pc:docMk/>
          <pc:sldMk cId="2343944852" sldId="278"/>
        </pc:sldMkLst>
        <pc:spChg chg="del">
          <ac:chgData name="Odhran Galvin" userId="d8cda971-c518-481f-832c-b450a89c6418" providerId="ADAL" clId="{3CBB1E17-8F1D-4AD6-816B-E290B9DEFB3B}" dt="2026-02-16T16:51:08.736" v="5862" actId="478"/>
          <ac:spMkLst>
            <pc:docMk/>
            <pc:sldMk cId="2343944852" sldId="278"/>
            <ac:spMk id="2" creationId="{8D26256A-A60E-859A-DBE4-745223648EAE}"/>
          </ac:spMkLst>
        </pc:spChg>
        <pc:spChg chg="add mod">
          <ac:chgData name="Odhran Galvin" userId="d8cda971-c518-481f-832c-b450a89c6418" providerId="ADAL" clId="{3CBB1E17-8F1D-4AD6-816B-E290B9DEFB3B}" dt="2026-02-17T11:10:53.716" v="6655" actId="1076"/>
          <ac:spMkLst>
            <pc:docMk/>
            <pc:sldMk cId="2343944852" sldId="278"/>
            <ac:spMk id="3" creationId="{D252A364-7BF5-05DA-D57F-35966A9F9A07}"/>
          </ac:spMkLst>
        </pc:spChg>
        <pc:spChg chg="add mod">
          <ac:chgData name="Odhran Galvin" userId="d8cda971-c518-481f-832c-b450a89c6418" providerId="ADAL" clId="{3CBB1E17-8F1D-4AD6-816B-E290B9DEFB3B}" dt="2026-02-17T11:10:46.839" v="6654" actId="14100"/>
          <ac:spMkLst>
            <pc:docMk/>
            <pc:sldMk cId="2343944852" sldId="278"/>
            <ac:spMk id="5" creationId="{93594431-A145-A540-6115-961BA8B66068}"/>
          </ac:spMkLst>
        </pc:spChg>
        <pc:spChg chg="add mod">
          <ac:chgData name="Odhran Galvin" userId="d8cda971-c518-481f-832c-b450a89c6418" providerId="ADAL" clId="{3CBB1E17-8F1D-4AD6-816B-E290B9DEFB3B}" dt="2026-02-17T11:10:29.425" v="6650" actId="404"/>
          <ac:spMkLst>
            <pc:docMk/>
            <pc:sldMk cId="2343944852" sldId="278"/>
            <ac:spMk id="6" creationId="{310783EF-A7E3-9D86-D8D7-B446E8D5FB42}"/>
          </ac:spMkLst>
        </pc:spChg>
        <pc:spChg chg="add del mod">
          <ac:chgData name="Odhran Galvin" userId="d8cda971-c518-481f-832c-b450a89c6418" providerId="ADAL" clId="{3CBB1E17-8F1D-4AD6-816B-E290B9DEFB3B}" dt="2026-02-16T16:50:35.391" v="5843" actId="478"/>
          <ac:spMkLst>
            <pc:docMk/>
            <pc:sldMk cId="2343944852" sldId="278"/>
            <ac:spMk id="10" creationId="{2E566077-60F8-BBF0-EA76-FB7E692F34E2}"/>
          </ac:spMkLst>
        </pc:spChg>
        <pc:spChg chg="add del mod">
          <ac:chgData name="Odhran Galvin" userId="d8cda971-c518-481f-832c-b450a89c6418" providerId="ADAL" clId="{3CBB1E17-8F1D-4AD6-816B-E290B9DEFB3B}" dt="2026-02-16T16:50:38.257" v="5846" actId="478"/>
          <ac:spMkLst>
            <pc:docMk/>
            <pc:sldMk cId="2343944852" sldId="278"/>
            <ac:spMk id="11" creationId="{07E2FEF1-0977-8653-57D3-8A09CA1F7757}"/>
          </ac:spMkLst>
        </pc:spChg>
        <pc:spChg chg="add mod">
          <ac:chgData name="Odhran Galvin" userId="d8cda971-c518-481f-832c-b450a89c6418" providerId="ADAL" clId="{3CBB1E17-8F1D-4AD6-816B-E290B9DEFB3B}" dt="2026-02-17T11:11:25.855" v="6662" actId="14100"/>
          <ac:spMkLst>
            <pc:docMk/>
            <pc:sldMk cId="2343944852" sldId="278"/>
            <ac:spMk id="14" creationId="{0A0A8825-47B5-B777-2667-ED446B669BF0}"/>
          </ac:spMkLst>
        </pc:spChg>
        <pc:spChg chg="add mod">
          <ac:chgData name="Odhran Galvin" userId="d8cda971-c518-481f-832c-b450a89c6418" providerId="ADAL" clId="{3CBB1E17-8F1D-4AD6-816B-E290B9DEFB3B}" dt="2026-02-17T11:11:18.360" v="6660" actId="1076"/>
          <ac:spMkLst>
            <pc:docMk/>
            <pc:sldMk cId="2343944852" sldId="278"/>
            <ac:spMk id="15" creationId="{A8E4AC8B-53D8-2F09-8B4F-243C939EB9AB}"/>
          </ac:spMkLst>
        </pc:spChg>
        <pc:spChg chg="add mod">
          <ac:chgData name="Odhran Galvin" userId="d8cda971-c518-481f-832c-b450a89c6418" providerId="ADAL" clId="{3CBB1E17-8F1D-4AD6-816B-E290B9DEFB3B}" dt="2026-02-16T16:52:07.992" v="5878" actId="1076"/>
          <ac:spMkLst>
            <pc:docMk/>
            <pc:sldMk cId="2343944852" sldId="278"/>
            <ac:spMk id="17" creationId="{A348958C-9211-6884-2FD3-E1BFD979E57F}"/>
          </ac:spMkLst>
        </pc:spChg>
        <pc:spChg chg="add mod">
          <ac:chgData name="Odhran Galvin" userId="d8cda971-c518-481f-832c-b450a89c6418" providerId="ADAL" clId="{3CBB1E17-8F1D-4AD6-816B-E290B9DEFB3B}" dt="2026-02-16T16:52:03.901" v="5876"/>
          <ac:spMkLst>
            <pc:docMk/>
            <pc:sldMk cId="2343944852" sldId="278"/>
            <ac:spMk id="18" creationId="{113120DB-3873-D353-9687-D9F8F31A2D5A}"/>
          </ac:spMkLst>
        </pc:spChg>
        <pc:picChg chg="add mod">
          <ac:chgData name="Odhran Galvin" userId="d8cda971-c518-481f-832c-b450a89c6418" providerId="ADAL" clId="{3CBB1E17-8F1D-4AD6-816B-E290B9DEFB3B}" dt="2026-02-17T11:09:57.419" v="6641"/>
          <ac:picMkLst>
            <pc:docMk/>
            <pc:sldMk cId="2343944852" sldId="278"/>
            <ac:picMk id="2" creationId="{8C1F7BFF-0A3A-173D-8557-9371D312577F}"/>
          </ac:picMkLst>
        </pc:picChg>
        <pc:picChg chg="add mod">
          <ac:chgData name="Odhran Galvin" userId="d8cda971-c518-481f-832c-b450a89c6418" providerId="ADAL" clId="{3CBB1E17-8F1D-4AD6-816B-E290B9DEFB3B}" dt="2026-02-17T11:10:41.519" v="6653" actId="14100"/>
          <ac:picMkLst>
            <pc:docMk/>
            <pc:sldMk cId="2343944852" sldId="278"/>
            <ac:picMk id="4" creationId="{66FF6FAF-776D-8250-9AEE-DB7969784291}"/>
          </ac:picMkLst>
        </pc:picChg>
        <pc:picChg chg="add mod">
          <ac:chgData name="Odhran Galvin" userId="d8cda971-c518-481f-832c-b450a89c6418" providerId="ADAL" clId="{3CBB1E17-8F1D-4AD6-816B-E290B9DEFB3B}" dt="2026-02-17T11:10:05.641" v="6644" actId="14100"/>
          <ac:picMkLst>
            <pc:docMk/>
            <pc:sldMk cId="2343944852" sldId="278"/>
            <ac:picMk id="7" creationId="{4770CA89-78B9-4956-8171-08BCA8878D02}"/>
          </ac:picMkLst>
        </pc:picChg>
        <pc:picChg chg="add del mod">
          <ac:chgData name="Odhran Galvin" userId="d8cda971-c518-481f-832c-b450a89c6418" providerId="ADAL" clId="{3CBB1E17-8F1D-4AD6-816B-E290B9DEFB3B}" dt="2026-02-16T16:50:36.377" v="5845" actId="478"/>
          <ac:picMkLst>
            <pc:docMk/>
            <pc:sldMk cId="2343944852" sldId="278"/>
            <ac:picMk id="8" creationId="{A62BB4B3-ED48-BAE3-02F5-DC5667F7795D}"/>
          </ac:picMkLst>
        </pc:picChg>
        <pc:picChg chg="add del mod">
          <ac:chgData name="Odhran Galvin" userId="d8cda971-c518-481f-832c-b450a89c6418" providerId="ADAL" clId="{3CBB1E17-8F1D-4AD6-816B-E290B9DEFB3B}" dt="2026-02-16T16:50:35.990" v="5844" actId="478"/>
          <ac:picMkLst>
            <pc:docMk/>
            <pc:sldMk cId="2343944852" sldId="278"/>
            <ac:picMk id="9" creationId="{6EB11256-358A-5014-BC91-CDC29D4528FF}"/>
          </ac:picMkLst>
        </pc:picChg>
        <pc:picChg chg="add mod">
          <ac:chgData name="Odhran Galvin" userId="d8cda971-c518-481f-832c-b450a89c6418" providerId="ADAL" clId="{3CBB1E17-8F1D-4AD6-816B-E290B9DEFB3B}" dt="2026-02-17T11:11:16.676" v="6659" actId="1076"/>
          <ac:picMkLst>
            <pc:docMk/>
            <pc:sldMk cId="2343944852" sldId="278"/>
            <ac:picMk id="12" creationId="{AC753441-54CC-3714-E616-4F3140FA24FD}"/>
          </ac:picMkLst>
        </pc:picChg>
        <pc:picChg chg="add mod">
          <ac:chgData name="Odhran Galvin" userId="d8cda971-c518-481f-832c-b450a89c6418" providerId="ADAL" clId="{3CBB1E17-8F1D-4AD6-816B-E290B9DEFB3B}" dt="2026-02-17T11:11:23.114" v="6661" actId="14100"/>
          <ac:picMkLst>
            <pc:docMk/>
            <pc:sldMk cId="2343944852" sldId="278"/>
            <ac:picMk id="13" creationId="{6D844FAB-D2EB-8092-BA92-EAE460A13B54}"/>
          </ac:picMkLst>
        </pc:picChg>
        <pc:picChg chg="add mod">
          <ac:chgData name="Odhran Galvin" userId="d8cda971-c518-481f-832c-b450a89c6418" providerId="ADAL" clId="{3CBB1E17-8F1D-4AD6-816B-E290B9DEFB3B}" dt="2026-02-16T16:51:48.248" v="5871"/>
          <ac:picMkLst>
            <pc:docMk/>
            <pc:sldMk cId="2343944852" sldId="278"/>
            <ac:picMk id="16" creationId="{4FF31611-0CA5-A462-78E6-F6AF3FE0C4A0}"/>
          </ac:picMkLst>
        </pc:picChg>
      </pc:sldChg>
    </pc:docChg>
  </pc:docChgLst>
  <pc:docChgLst>
    <pc:chgData name="Odhran Galvin" userId="S::odhran.galvin@ericsson.com::d8cda971-c518-481f-832c-b450a89c6418" providerId="AD" clId="Web-{0C05FE75-D5BF-3489-CF1B-A9A18DFE43B5}"/>
    <pc:docChg chg="modSld">
      <pc:chgData name="Odhran Galvin" userId="S::odhran.galvin@ericsson.com::d8cda971-c518-481f-832c-b450a89c6418" providerId="AD" clId="Web-{0C05FE75-D5BF-3489-CF1B-A9A18DFE43B5}" dt="2026-02-17T10:10:55.559" v="186" actId="1076"/>
      <pc:docMkLst>
        <pc:docMk/>
      </pc:docMkLst>
      <pc:sldChg chg="addSp modSp">
        <pc:chgData name="Odhran Galvin" userId="S::odhran.galvin@ericsson.com::d8cda971-c518-481f-832c-b450a89c6418" providerId="AD" clId="Web-{0C05FE75-D5BF-3489-CF1B-A9A18DFE43B5}" dt="2026-02-17T09:58:19.879" v="46" actId="20577"/>
        <pc:sldMkLst>
          <pc:docMk/>
          <pc:sldMk cId="4122117367" sldId="270"/>
        </pc:sldMkLst>
        <pc:spChg chg="add mod">
          <ac:chgData name="Odhran Galvin" userId="S::odhran.galvin@ericsson.com::d8cda971-c518-481f-832c-b450a89c6418" providerId="AD" clId="Web-{0C05FE75-D5BF-3489-CF1B-A9A18DFE43B5}" dt="2026-02-17T09:58:19.879" v="46" actId="20577"/>
          <ac:spMkLst>
            <pc:docMk/>
            <pc:sldMk cId="4122117367" sldId="270"/>
            <ac:spMk id="3" creationId="{7E1F96AB-8C4A-E2B9-9C0F-32C194364847}"/>
          </ac:spMkLst>
        </pc:spChg>
        <pc:spChg chg="mod">
          <ac:chgData name="Odhran Galvin" userId="S::odhran.galvin@ericsson.com::d8cda971-c518-481f-832c-b450a89c6418" providerId="AD" clId="Web-{0C05FE75-D5BF-3489-CF1B-A9A18DFE43B5}" dt="2026-02-17T09:57:24.408" v="3" actId="1076"/>
          <ac:spMkLst>
            <pc:docMk/>
            <pc:sldMk cId="4122117367" sldId="270"/>
            <ac:spMk id="7" creationId="{2FA17003-5C32-2C7F-1F70-3EA6A6FECD38}"/>
          </ac:spMkLst>
        </pc:spChg>
      </pc:sldChg>
      <pc:sldChg chg="modSp">
        <pc:chgData name="Odhran Galvin" userId="S::odhran.galvin@ericsson.com::d8cda971-c518-481f-832c-b450a89c6418" providerId="AD" clId="Web-{0C05FE75-D5BF-3489-CF1B-A9A18DFE43B5}" dt="2026-02-17T10:10:55.559" v="186" actId="1076"/>
        <pc:sldMkLst>
          <pc:docMk/>
          <pc:sldMk cId="2309842497" sldId="272"/>
        </pc:sldMkLst>
        <pc:spChg chg="mod">
          <ac:chgData name="Odhran Galvin" userId="S::odhran.galvin@ericsson.com::d8cda971-c518-481f-832c-b450a89c6418" providerId="AD" clId="Web-{0C05FE75-D5BF-3489-CF1B-A9A18DFE43B5}" dt="2026-02-17T10:10:42.886" v="184" actId="14100"/>
          <ac:spMkLst>
            <pc:docMk/>
            <pc:sldMk cId="2309842497" sldId="272"/>
            <ac:spMk id="7" creationId="{B3968464-DF2D-A22E-2B22-208E74A82FCD}"/>
          </ac:spMkLst>
        </pc:spChg>
        <pc:spChg chg="mod">
          <ac:chgData name="Odhran Galvin" userId="S::odhran.galvin@ericsson.com::d8cda971-c518-481f-832c-b450a89c6418" providerId="AD" clId="Web-{0C05FE75-D5BF-3489-CF1B-A9A18DFE43B5}" dt="2026-02-17T10:10:27.777" v="180" actId="14100"/>
          <ac:spMkLst>
            <pc:docMk/>
            <pc:sldMk cId="2309842497" sldId="272"/>
            <ac:spMk id="8" creationId="{1B7C1735-CA1C-BBD7-4DF3-96B3C6FB5632}"/>
          </ac:spMkLst>
        </pc:spChg>
        <pc:spChg chg="mod">
          <ac:chgData name="Odhran Galvin" userId="S::odhran.galvin@ericsson.com::d8cda971-c518-481f-832c-b450a89c6418" providerId="AD" clId="Web-{0C05FE75-D5BF-3489-CF1B-A9A18DFE43B5}" dt="2026-02-17T10:10:35.574" v="182" actId="1076"/>
          <ac:spMkLst>
            <pc:docMk/>
            <pc:sldMk cId="2309842497" sldId="272"/>
            <ac:spMk id="9" creationId="{5CA63F04-4B28-FB3F-C269-541C9796E583}"/>
          </ac:spMkLst>
        </pc:spChg>
        <pc:spChg chg="mod">
          <ac:chgData name="Odhran Galvin" userId="S::odhran.galvin@ericsson.com::d8cda971-c518-481f-832c-b450a89c6418" providerId="AD" clId="Web-{0C05FE75-D5BF-3489-CF1B-A9A18DFE43B5}" dt="2026-02-17T10:10:55.559" v="186" actId="1076"/>
          <ac:spMkLst>
            <pc:docMk/>
            <pc:sldMk cId="2309842497" sldId="272"/>
            <ac:spMk id="10" creationId="{5A418C8A-E817-6D81-9E2D-84024B7A6FAC}"/>
          </ac:spMkLst>
        </pc:spChg>
        <pc:spChg chg="mod">
          <ac:chgData name="Odhran Galvin" userId="S::odhran.galvin@ericsson.com::d8cda971-c518-481f-832c-b450a89c6418" providerId="AD" clId="Web-{0C05FE75-D5BF-3489-CF1B-A9A18DFE43B5}" dt="2026-02-17T10:03:16.589" v="80" actId="1076"/>
          <ac:spMkLst>
            <pc:docMk/>
            <pc:sldMk cId="2309842497" sldId="272"/>
            <ac:spMk id="13" creationId="{C5DC9429-DE22-47C7-932C-B1576D1E0CAF}"/>
          </ac:spMkLst>
        </pc:spChg>
        <pc:spChg chg="mod">
          <ac:chgData name="Odhran Galvin" userId="S::odhran.galvin@ericsson.com::d8cda971-c518-481f-832c-b450a89c6418" providerId="AD" clId="Web-{0C05FE75-D5BF-3489-CF1B-A9A18DFE43B5}" dt="2026-02-17T10:02:51.933" v="76" actId="14100"/>
          <ac:spMkLst>
            <pc:docMk/>
            <pc:sldMk cId="2309842497" sldId="272"/>
            <ac:spMk id="44" creationId="{C524B7DA-12DA-3CD8-D8C9-39207C69A205}"/>
          </ac:spMkLst>
        </pc:spChg>
        <pc:spChg chg="mod">
          <ac:chgData name="Odhran Galvin" userId="S::odhran.galvin@ericsson.com::d8cda971-c518-481f-832c-b450a89c6418" providerId="AD" clId="Web-{0C05FE75-D5BF-3489-CF1B-A9A18DFE43B5}" dt="2026-02-17T10:08:31.634" v="153" actId="14100"/>
          <ac:spMkLst>
            <pc:docMk/>
            <pc:sldMk cId="2309842497" sldId="272"/>
            <ac:spMk id="47" creationId="{F9D86D6C-E438-57DA-55B0-A69EEE03C284}"/>
          </ac:spMkLst>
        </pc:spChg>
        <pc:spChg chg="mod">
          <ac:chgData name="Odhran Galvin" userId="S::odhran.galvin@ericsson.com::d8cda971-c518-481f-832c-b450a89c6418" providerId="AD" clId="Web-{0C05FE75-D5BF-3489-CF1B-A9A18DFE43B5}" dt="2026-02-17T10:03:13.433" v="79" actId="14100"/>
          <ac:spMkLst>
            <pc:docMk/>
            <pc:sldMk cId="2309842497" sldId="272"/>
            <ac:spMk id="48" creationId="{7B1FA2B2-0FE3-02B2-0399-E49B80D675D5}"/>
          </ac:spMkLst>
        </pc:spChg>
        <pc:picChg chg="mod">
          <ac:chgData name="Odhran Galvin" userId="S::odhran.galvin@ericsson.com::d8cda971-c518-481f-832c-b450a89c6418" providerId="AD" clId="Web-{0C05FE75-D5BF-3489-CF1B-A9A18DFE43B5}" dt="2026-02-17T10:10:50.605" v="185" actId="14100"/>
          <ac:picMkLst>
            <pc:docMk/>
            <pc:sldMk cId="2309842497" sldId="272"/>
            <ac:picMk id="4" creationId="{59CE7529-2BD7-D156-0D0A-7AA8FCBB18E5}"/>
          </ac:picMkLst>
        </pc:picChg>
        <pc:picChg chg="mod">
          <ac:chgData name="Odhran Galvin" userId="S::odhran.galvin@ericsson.com::d8cda971-c518-481f-832c-b450a89c6418" providerId="AD" clId="Web-{0C05FE75-D5BF-3489-CF1B-A9A18DFE43B5}" dt="2026-02-17T10:03:02.917" v="78" actId="1076"/>
          <ac:picMkLst>
            <pc:docMk/>
            <pc:sldMk cId="2309842497" sldId="272"/>
            <ac:picMk id="12" creationId="{5A5E07F8-F572-C305-079C-D22FDF65336B}"/>
          </ac:picMkLst>
        </pc:picChg>
        <pc:picChg chg="mod">
          <ac:chgData name="Odhran Galvin" userId="S::odhran.galvin@ericsson.com::d8cda971-c518-481f-832c-b450a89c6418" providerId="AD" clId="Web-{0C05FE75-D5BF-3489-CF1B-A9A18DFE43B5}" dt="2026-02-17T10:02:30.510" v="74" actId="1076"/>
          <ac:picMkLst>
            <pc:docMk/>
            <pc:sldMk cId="2309842497" sldId="272"/>
            <ac:picMk id="46" creationId="{E0F8255E-A36F-9902-3089-1FB35622A420}"/>
          </ac:picMkLst>
        </pc:picChg>
        <pc:cxnChg chg="mod">
          <ac:chgData name="Odhran Galvin" userId="S::odhran.galvin@ericsson.com::d8cda971-c518-481f-832c-b450a89c6418" providerId="AD" clId="Web-{0C05FE75-D5BF-3489-CF1B-A9A18DFE43B5}" dt="2026-02-17T10:09:23.463" v="168" actId="14100"/>
          <ac:cxnSpMkLst>
            <pc:docMk/>
            <pc:sldMk cId="2309842497" sldId="272"/>
            <ac:cxnSpMk id="33" creationId="{BD56FFCD-02CF-6826-5B0B-57C790AA3C96}"/>
          </ac:cxnSpMkLst>
        </pc:cxnChg>
        <pc:cxnChg chg="mod">
          <ac:chgData name="Odhran Galvin" userId="S::odhran.galvin@ericsson.com::d8cda971-c518-481f-832c-b450a89c6418" providerId="AD" clId="Web-{0C05FE75-D5BF-3489-CF1B-A9A18DFE43B5}" dt="2026-02-17T10:09:11.322" v="164"/>
          <ac:cxnSpMkLst>
            <pc:docMk/>
            <pc:sldMk cId="2309842497" sldId="272"/>
            <ac:cxnSpMk id="35" creationId="{BBD3F5FD-423F-FBA8-469F-26F528C7A8A5}"/>
          </ac:cxnSpMkLst>
        </pc:cxnChg>
        <pc:cxnChg chg="mod">
          <ac:chgData name="Odhran Galvin" userId="S::odhran.galvin@ericsson.com::d8cda971-c518-481f-832c-b450a89c6418" providerId="AD" clId="Web-{0C05FE75-D5BF-3489-CF1B-A9A18DFE43B5}" dt="2026-02-17T10:09:03.088" v="161"/>
          <ac:cxnSpMkLst>
            <pc:docMk/>
            <pc:sldMk cId="2309842497" sldId="272"/>
            <ac:cxnSpMk id="40" creationId="{59B7E003-1383-518A-E12B-D72B29090C2E}"/>
          </ac:cxnSpMkLst>
        </pc:cxnChg>
        <pc:cxnChg chg="mod">
          <ac:chgData name="Odhran Galvin" userId="S::odhran.galvin@ericsson.com::d8cda971-c518-481f-832c-b450a89c6418" providerId="AD" clId="Web-{0C05FE75-D5BF-3489-CF1B-A9A18DFE43B5}" dt="2026-02-17T10:08:48.400" v="158"/>
          <ac:cxnSpMkLst>
            <pc:docMk/>
            <pc:sldMk cId="2309842497" sldId="272"/>
            <ac:cxnSpMk id="43" creationId="{BD20F8D3-8795-F373-78BD-A40B9A790622}"/>
          </ac:cxnSpMkLst>
        </pc:cxnChg>
      </pc:sldChg>
      <pc:sldChg chg="modSp">
        <pc:chgData name="Odhran Galvin" userId="S::odhran.galvin@ericsson.com::d8cda971-c518-481f-832c-b450a89c6418" providerId="AD" clId="Web-{0C05FE75-D5BF-3489-CF1B-A9A18DFE43B5}" dt="2026-02-17T10:01:33.181" v="64" actId="14100"/>
        <pc:sldMkLst>
          <pc:docMk/>
          <pc:sldMk cId="3291770429" sldId="273"/>
        </pc:sldMkLst>
        <pc:spChg chg="mod">
          <ac:chgData name="Odhran Galvin" userId="S::odhran.galvin@ericsson.com::d8cda971-c518-481f-832c-b450a89c6418" providerId="AD" clId="Web-{0C05FE75-D5BF-3489-CF1B-A9A18DFE43B5}" dt="2026-02-17T10:01:33.181" v="64" actId="14100"/>
          <ac:spMkLst>
            <pc:docMk/>
            <pc:sldMk cId="3291770429" sldId="273"/>
            <ac:spMk id="35" creationId="{BB9CE9DE-9ADB-3DB7-98EB-0FF38A21176F}"/>
          </ac:spMkLst>
        </pc:spChg>
      </pc:sldChg>
      <pc:sldChg chg="modSp">
        <pc:chgData name="Odhran Galvin" userId="S::odhran.galvin@ericsson.com::d8cda971-c518-481f-832c-b450a89c6418" providerId="AD" clId="Web-{0C05FE75-D5BF-3489-CF1B-A9A18DFE43B5}" dt="2026-02-17T10:01:22.962" v="63" actId="14100"/>
        <pc:sldMkLst>
          <pc:docMk/>
          <pc:sldMk cId="4144122863" sldId="274"/>
        </pc:sldMkLst>
        <pc:spChg chg="mod">
          <ac:chgData name="Odhran Galvin" userId="S::odhran.galvin@ericsson.com::d8cda971-c518-481f-832c-b450a89c6418" providerId="AD" clId="Web-{0C05FE75-D5BF-3489-CF1B-A9A18DFE43B5}" dt="2026-02-17T10:01:19.103" v="62" actId="1076"/>
          <ac:spMkLst>
            <pc:docMk/>
            <pc:sldMk cId="4144122863" sldId="274"/>
            <ac:spMk id="8" creationId="{3A638F96-C186-BB7C-730C-CA1248BFC9B4}"/>
          </ac:spMkLst>
        </pc:spChg>
        <pc:spChg chg="mod">
          <ac:chgData name="Odhran Galvin" userId="S::odhran.galvin@ericsson.com::d8cda971-c518-481f-832c-b450a89c6418" providerId="AD" clId="Web-{0C05FE75-D5BF-3489-CF1B-A9A18DFE43B5}" dt="2026-02-17T10:01:22.962" v="63" actId="14100"/>
          <ac:spMkLst>
            <pc:docMk/>
            <pc:sldMk cId="4144122863" sldId="274"/>
            <ac:spMk id="9" creationId="{83A71553-C661-0999-A545-358003ACB067}"/>
          </ac:spMkLst>
        </pc:spChg>
        <pc:spChg chg="mod">
          <ac:chgData name="Odhran Galvin" userId="S::odhran.galvin@ericsson.com::d8cda971-c518-481f-832c-b450a89c6418" providerId="AD" clId="Web-{0C05FE75-D5BF-3489-CF1B-A9A18DFE43B5}" dt="2026-02-17T10:00:59.134" v="61" actId="1076"/>
          <ac:spMkLst>
            <pc:docMk/>
            <pc:sldMk cId="4144122863" sldId="274"/>
            <ac:spMk id="17" creationId="{7428163F-28B2-9CB8-1CEE-24A9CF4764CB}"/>
          </ac:spMkLst>
        </pc:spChg>
      </pc:sldChg>
      <pc:sldChg chg="modSp">
        <pc:chgData name="Odhran Galvin" userId="S::odhran.galvin@ericsson.com::d8cda971-c518-481f-832c-b450a89c6418" providerId="AD" clId="Web-{0C05FE75-D5BF-3489-CF1B-A9A18DFE43B5}" dt="2026-02-17T10:00:10.445" v="53" actId="1076"/>
        <pc:sldMkLst>
          <pc:docMk/>
          <pc:sldMk cId="2593198521" sldId="275"/>
        </pc:sldMkLst>
        <pc:spChg chg="mod">
          <ac:chgData name="Odhran Galvin" userId="S::odhran.galvin@ericsson.com::d8cda971-c518-481f-832c-b450a89c6418" providerId="AD" clId="Web-{0C05FE75-D5BF-3489-CF1B-A9A18DFE43B5}" dt="2026-02-17T09:59:04.834" v="50" actId="14100"/>
          <ac:spMkLst>
            <pc:docMk/>
            <pc:sldMk cId="2593198521" sldId="275"/>
            <ac:spMk id="10" creationId="{2C43FA67-0F6E-FB95-648B-A45457751C1D}"/>
          </ac:spMkLst>
        </pc:spChg>
        <pc:spChg chg="mod">
          <ac:chgData name="Odhran Galvin" userId="S::odhran.galvin@ericsson.com::d8cda971-c518-481f-832c-b450a89c6418" providerId="AD" clId="Web-{0C05FE75-D5BF-3489-CF1B-A9A18DFE43B5}" dt="2026-02-17T10:00:10.445" v="53" actId="1076"/>
          <ac:spMkLst>
            <pc:docMk/>
            <pc:sldMk cId="2593198521" sldId="275"/>
            <ac:spMk id="17" creationId="{B42E13AD-203F-9C79-67B6-EDB1E4E733B6}"/>
          </ac:spMkLst>
        </pc:spChg>
      </pc:sldChg>
      <pc:sldChg chg="modSp">
        <pc:chgData name="Odhran Galvin" userId="S::odhran.galvin@ericsson.com::d8cda971-c518-481f-832c-b450a89c6418" providerId="AD" clId="Web-{0C05FE75-D5BF-3489-CF1B-A9A18DFE43B5}" dt="2026-02-17T09:59:29.053" v="51" actId="14100"/>
        <pc:sldMkLst>
          <pc:docMk/>
          <pc:sldMk cId="1612919263" sldId="276"/>
        </pc:sldMkLst>
        <pc:spChg chg="mod">
          <ac:chgData name="Odhran Galvin" userId="S::odhran.galvin@ericsson.com::d8cda971-c518-481f-832c-b450a89c6418" providerId="AD" clId="Web-{0C05FE75-D5BF-3489-CF1B-A9A18DFE43B5}" dt="2026-02-17T09:59:29.053" v="51" actId="14100"/>
          <ac:spMkLst>
            <pc:docMk/>
            <pc:sldMk cId="1612919263" sldId="276"/>
            <ac:spMk id="16" creationId="{FFA77D53-9D95-DE0A-714E-373A54E6CECB}"/>
          </ac:spMkLst>
        </pc:spChg>
      </pc:sldChg>
    </pc:docChg>
  </pc:docChgLst>
  <pc:docChgLst>
    <pc:chgData name="Odhran Galvin" userId="S::odhran.galvin@ericsson.com::d8cda971-c518-481f-832c-b450a89c6418" providerId="AD" clId="Web-{749F9651-53C2-12DE-0EE2-4A1C2873AE38}"/>
    <pc:docChg chg="modSld">
      <pc:chgData name="Odhran Galvin" userId="S::odhran.galvin@ericsson.com::d8cda971-c518-481f-832c-b450a89c6418" providerId="AD" clId="Web-{749F9651-53C2-12DE-0EE2-4A1C2873AE38}" dt="2026-02-13T09:21:08.974" v="11" actId="1076"/>
      <pc:docMkLst>
        <pc:docMk/>
      </pc:docMkLst>
      <pc:sldChg chg="modSp">
        <pc:chgData name="Odhran Galvin" userId="S::odhran.galvin@ericsson.com::d8cda971-c518-481f-832c-b450a89c6418" providerId="AD" clId="Web-{749F9651-53C2-12DE-0EE2-4A1C2873AE38}" dt="2026-02-13T09:21:08.974" v="11" actId="1076"/>
        <pc:sldMkLst>
          <pc:docMk/>
          <pc:sldMk cId="2309842497" sldId="272"/>
        </pc:sldMkLst>
        <pc:spChg chg="mod">
          <ac:chgData name="Odhran Galvin" userId="S::odhran.galvin@ericsson.com::d8cda971-c518-481f-832c-b450a89c6418" providerId="AD" clId="Web-{749F9651-53C2-12DE-0EE2-4A1C2873AE38}" dt="2026-02-13T09:20:52.349" v="5" actId="14100"/>
          <ac:spMkLst>
            <pc:docMk/>
            <pc:sldMk cId="2309842497" sldId="272"/>
            <ac:spMk id="7" creationId="{B3968464-DF2D-A22E-2B22-208E74A82FCD}"/>
          </ac:spMkLst>
        </pc:spChg>
        <pc:spChg chg="mod">
          <ac:chgData name="Odhran Galvin" userId="S::odhran.galvin@ericsson.com::d8cda971-c518-481f-832c-b450a89c6418" providerId="AD" clId="Web-{749F9651-53C2-12DE-0EE2-4A1C2873AE38}" dt="2026-02-13T09:20:39.051" v="2"/>
          <ac:spMkLst>
            <pc:docMk/>
            <pc:sldMk cId="2309842497" sldId="272"/>
            <ac:spMk id="9" creationId="{5CA63F04-4B28-FB3F-C269-541C9796E583}"/>
          </ac:spMkLst>
        </pc:spChg>
        <pc:spChg chg="mod">
          <ac:chgData name="Odhran Galvin" userId="S::odhran.galvin@ericsson.com::d8cda971-c518-481f-832c-b450a89c6418" providerId="AD" clId="Web-{749F9651-53C2-12DE-0EE2-4A1C2873AE38}" dt="2026-02-13T09:20:49.599" v="4"/>
          <ac:spMkLst>
            <pc:docMk/>
            <pc:sldMk cId="2309842497" sldId="272"/>
            <ac:spMk id="10" creationId="{5A418C8A-E817-6D81-9E2D-84024B7A6FAC}"/>
          </ac:spMkLst>
        </pc:spChg>
      </pc:sldChg>
    </pc:docChg>
  </pc:docChgLst>
</pc:chgInfo>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6T15:15:13.576"/>
    </inkml:context>
    <inkml:brush xml:id="br0">
      <inkml:brushProperty name="width" value="0.035" units="cm"/>
      <inkml:brushProperty name="height" value="0.035" units="cm"/>
      <inkml:brushProperty name="color" value="#008C3A"/>
    </inkml:brush>
  </inkml:definitions>
  <inkml:trace contextRef="#ctx0" brushRef="#br0">1438 719 24508,'-1'28'0,"-1"0"0,0 0 0,-2 0 0,-1 0 0,-1 0 0,-1-1 0,-2 0 0,0 0 0,-1-1 0,-1 0 0,-2-1 0,0 0 0,-1-1 0,-2 0 0,0-1 0,-1 0 0,-1-1 0,0-1 0,-2-1 0,0 0 0,-1-2 0,-1 0 0,-1-1 0,0-1 0,-1 0 0,0-2 0,-1-1 0,0 0 0,-1-2 0,0-1 0,-1-1 0,0 0 0,0-2 0,-1-1 0,0-1 0,0-1 0,0-2 0,0 0 0,0-1 0,0-2 0,-1-1 0,1 0 0,0-2 0,1-1 0,-1-1 0,1-1 0,0-2 0,0 0 0,1-1 0,0-1 0,0-2 0,2 0 0,-1-1 0,1-2 0,1 0 0,1-1 0,0-1 0,1 0 0,1-2 0,0 0 0,1-1 0,1-1 0,1-1 0,1 0 0,1-1 0,1 0 0,0-1 0,2 0 0,1-1 0,0 0 0,2-1 0,1 0 0,1 0 0,1-1 0,1 0 0,1 0 0,1 0 0,2 0 0,0 0 0,2 0 0,0-1 0,2 1 0,1 0 0,1 1 0,1-1 0,1 1 0,1 0 0,1 0 0,2 1 0,0 0 0,1 0 0,2 2 0,0-1 0,1 1 0,1 1 0,1 1 0,1 0 0,1 1 0,1 1 0,0 0 0,1 1 0,1 1 0,0 1 0,1 1 0,1 1 0,1 1 0,-1 0 0,2 2 0,0 1 0,0 0 0,1 2 0,0 1 0,0 1 0,1 1 0,-1 1 0,1 1 0,0 1 0,1 2 0,-1 0 0,0 2 0,0 0 0,0 2 0,0 1 0,0 1 0,0 1 0,-1 1 0,0 1 0,0 1 0,-1 2 0,0 0 0,-1 1 0,0 2 0,-1 0 0,0 1 0,-1 1 0,0 1 0,-1 1 0,-1 1 0,-1 1 0,0 0 0,-2 1 0,0 1 0,-1 0 0,-1 1 0,0 1 0,-2 1 0,-1-1 0,0 2 0,-2 0 0,-1 0 0,-1 1 0,0 0 0,-2 0 0,-1 1 0,-1-1 0,-1 1 0,-2 0 0,0 1 0,-1-1 0</inkml:trace>
</inkml:ink>
</file>

<file path=ppt/ink/ink10.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28.472"/>
    </inkml:context>
    <inkml:brush xml:id="br0">
      <inkml:brushProperty name="width" value="0.035" units="cm"/>
      <inkml:brushProperty name="height" value="0.035" units="cm"/>
      <inkml:brushProperty name="color" value="#E71224"/>
    </inkml:brush>
  </inkml:definitions>
  <inkml:trace contextRef="#ctx0" brushRef="#br0">268 0 24575,'-4'0'0,"-9"0"0,-5 0 0,-5 0 0,-1 0 0,-1 0 0,-4 0 0,0 0 0,0 0 0,2 0 0,1 0 0,6 0-8191</inkml:trace>
</inkml:ink>
</file>

<file path=ppt/ink/ink1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33.906"/>
    </inkml:context>
    <inkml:brush xml:id="br0">
      <inkml:brushProperty name="width" value="0.035" units="cm"/>
      <inkml:brushProperty name="height" value="0.035" units="cm"/>
      <inkml:brushProperty name="color" value="#E71224"/>
    </inkml:brush>
  </inkml:definitions>
  <inkml:trace contextRef="#ctx0" brushRef="#br0">1 1 24575,'4'0'0,"4"0"0,6 0 0,4 0 0,2 0 0,3 0 0,-4 0-8191</inkml:trace>
</inkml:ink>
</file>

<file path=ppt/ink/ink1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37.972"/>
    </inkml:context>
    <inkml:brush xml:id="br0">
      <inkml:brushProperty name="width" value="0.035" units="cm"/>
      <inkml:brushProperty name="height" value="0.035" units="cm"/>
      <inkml:brushProperty name="color" value="#E71224"/>
    </inkml:brush>
  </inkml:definitions>
  <inkml:trace contextRef="#ctx0" brushRef="#br0">0 1 24575,'4'0'0,"5"0"0,39 4 0,12 1-8191</inkml:trace>
</inkml:ink>
</file>

<file path=ppt/ink/ink1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29.533"/>
    </inkml:context>
    <inkml:brush xml:id="br0">
      <inkml:brushProperty name="width" value="0.035" units="cm"/>
      <inkml:brushProperty name="height" value="0.035" units="cm"/>
      <inkml:brushProperty name="color" value="#E71224"/>
    </inkml:brush>
  </inkml:definitions>
  <inkml:trace contextRef="#ctx0" brushRef="#br0">1 68 24575,'7'-4'0,"3"-5"0,7 0 0,5 0 0,6-2 0,10 2 0,2 1 0,-2 3 0,-7 1-8191</inkml:trace>
</inkml:ink>
</file>

<file path=ppt/ink/ink1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30.483"/>
    </inkml:context>
    <inkml:brush xml:id="br0">
      <inkml:brushProperty name="width" value="0.035" units="cm"/>
      <inkml:brushProperty name="height" value="0.035" units="cm"/>
      <inkml:brushProperty name="color" value="#E71224"/>
    </inkml:brush>
  </inkml:definitions>
  <inkml:trace contextRef="#ctx0" brushRef="#br0">88 1 24575,'-8'0'0,"-6"0"0,-1 3 0,-1 3 0,-2 2 0,2 1-8191</inkml:trace>
</inkml:ink>
</file>

<file path=ppt/ink/ink1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31.976"/>
    </inkml:context>
    <inkml:brush xml:id="br0">
      <inkml:brushProperty name="width" value="0.035" units="cm"/>
      <inkml:brushProperty name="height" value="0.035" units="cm"/>
      <inkml:brushProperty name="color" value="#E71224"/>
    </inkml:brush>
  </inkml:definitions>
  <inkml:trace contextRef="#ctx0" brushRef="#br0">1 1 24575,'8'0'0,"10"0"0,9 0 0,8 0 0,6 0 0,0 0 0,-4 0 0,-8 0-8191</inkml:trace>
</inkml:ink>
</file>

<file path=ppt/ink/ink1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40.062"/>
    </inkml:context>
    <inkml:brush xml:id="br0">
      <inkml:brushProperty name="width" value="0.035" units="cm"/>
      <inkml:brushProperty name="height" value="0.035" units="cm"/>
      <inkml:brushProperty name="color" value="#E71224"/>
    </inkml:brush>
  </inkml:definitions>
  <inkml:trace contextRef="#ctx0" brushRef="#br0">5 1 24575,'-4'0'0</inkml:trace>
</inkml:ink>
</file>

<file path=ppt/ink/ink1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41.067"/>
    </inkml:context>
    <inkml:brush xml:id="br0">
      <inkml:brushProperty name="width" value="0.035" units="cm"/>
      <inkml:brushProperty name="height" value="0.035" units="cm"/>
      <inkml:brushProperty name="color" value="#E71224"/>
    </inkml:brush>
  </inkml:definitions>
  <inkml:trace contextRef="#ctx0" brushRef="#br0">0 0 24575,'0'0'-8191</inkml:trace>
</inkml:ink>
</file>

<file path=ppt/ink/ink1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43.324"/>
    </inkml:context>
    <inkml:brush xml:id="br0">
      <inkml:brushProperty name="width" value="0.035" units="cm"/>
      <inkml:brushProperty name="height" value="0.035" units="cm"/>
      <inkml:brushProperty name="color" value="#E71224"/>
    </inkml:brush>
  </inkml:definitions>
  <inkml:trace contextRef="#ctx0" brushRef="#br0">1 0 24575,'0'0'-8191</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6T15:15:19.696"/>
    </inkml:context>
    <inkml:brush xml:id="br0">
      <inkml:brushProperty name="width" value="0.035" units="cm"/>
      <inkml:brushProperty name="height" value="0.035" units="cm"/>
      <inkml:brushProperty name="color" value="#008C3A"/>
    </inkml:brush>
  </inkml:definitions>
  <inkml:trace contextRef="#ctx0" brushRef="#br0">1493 747 24509,'-1'29'0,"0"1"0,-2-1 0,-1 0 0,-1 0 0,-2-1 0,0 1 0,-2-1 0,0 0 0,-2-1 0,-1 0 0,0-1 0,-2 0 0,-1-1 0,-1 0 0,-1-1 0,0-1 0,-2 0 0,0-1 0,-2-1 0,0 0 0,-1-2 0,0 0 0,-2-2 0,0 0 0,0-1 0,-2-1 0,0-1 0,0-2 0,-1 0 0,0-1 0,-1-2 0,0 0 0,0-2 0,-1 0 0,0-2 0,0-1 0,0-1 0,0-2 0,0 0 0,-1-2 0,1 0 0,0-2 0,0-1 0,0-1 0,0-2 0,1 0 0,0-2 0,0 0 0,1-2 0,0-1 0,1 0 0,0-2 0,0-1 0,2-1 0,0-1 0,0 0 0,2-2 0,0 0 0,1-2 0,0 0 0,2-1 0,0-1 0,2 0 0,0-1 0,1-1 0,1 0 0,1-1 0,2 0 0,0-1 0,1 0 0,2-1 0,0 0 0,2-1 0,0 1 0,2-1 0,1 0 0,1 0 0,2-1 0,0 1 0,2 0 0,0-1 0,2 1 0,1 0 0,1 0 0,2 1 0,0-1 0,2 1 0,0 0 0,2 1 0,1 0 0,0 1 0,2 0 0,1 1 0,1 0 0,1 1 0,0 1 0,2 0 0,0 1 0,2 1 0,0 0 0,1 2 0,0 0 0,2 2 0,0 0 0,0 1 0,2 1 0,0 1 0,0 2 0,1 0 0,0 1 0,1 2 0,0 0 0,0 2 0,1 0 0,0 2 0,0 1 0,0 1 0,0 2 0,1 0 0,-1 2 0,0 0 0,0 2 0,0 1 0,0 1 0,0 2 0,-1 0 0,0 2 0,0 0 0,-1 2 0,0 1 0,-1 0 0,0 2 0,0 1 0,-2 1 0,0 1 0,0 0 0,-2 2 0,0 0 0,-1 2 0,0 0 0,-2 1 0,0 1 0,-2 0 0,0 1 0,-1 1 0,-1 0 0,-1 1 0,-2 0 0,0 1 0,-1 0 0,-2 1 0,0 0 0,-2 1 0,0-1 0,-2 1 0,-1 0 0,-1 0 0,-2 1 0,0-1 0</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6T11:41:59.245"/>
    </inkml:context>
    <inkml:brush xml:id="br0">
      <inkml:brushProperty name="width" value="0.035" units="cm"/>
      <inkml:brushProperty name="height" value="0.035" units="cm"/>
      <inkml:brushProperty name="color" value="#008C3A"/>
    </inkml:brush>
  </inkml:definitions>
  <inkml:trace contextRef="#ctx0" brushRef="#br0">0 0 24233,'1754'2134'0</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6T11:42:12.163"/>
    </inkml:context>
    <inkml:brush xml:id="br0">
      <inkml:brushProperty name="width" value="0.035" units="cm"/>
      <inkml:brushProperty name="height" value="0.035" units="cm"/>
      <inkml:brushProperty name="color" value="#008C3A"/>
    </inkml:brush>
  </inkml:definitions>
  <inkml:trace contextRef="#ctx0" brushRef="#br0">631 0 22896,'-628'0'0</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6T11:42:26.511"/>
    </inkml:context>
    <inkml:brush xml:id="br0">
      <inkml:brushProperty name="width" value="0.035" units="cm"/>
      <inkml:brushProperty name="height" value="0.035" units="cm"/>
      <inkml:brushProperty name="color" value="#008C3A"/>
    </inkml:brush>
  </inkml:definitions>
  <inkml:trace contextRef="#ctx0" brushRef="#br0">130 0 24207,'-122'571'0</inkml:trace>
</inkml:ink>
</file>

<file path=ppt/ink/ink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6T16:01:26.374"/>
    </inkml:context>
    <inkml:brush xml:id="br0">
      <inkml:brushProperty name="width" value="0.035" units="cm"/>
      <inkml:brushProperty name="height" value="0.035" units="cm"/>
      <inkml:brushProperty name="color" value="#008C3A"/>
    </inkml:brush>
  </inkml:definitions>
  <inkml:trace contextRef="#ctx0" brushRef="#br0">0 0 23892,'2233'0'0</inkml:trace>
</inkml:ink>
</file>

<file path=ppt/ink/ink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6T16:01:41.868"/>
    </inkml:context>
    <inkml:brush xml:id="br0">
      <inkml:brushProperty name="width" value="0.035" units="cm"/>
      <inkml:brushProperty name="height" value="0.035" units="cm"/>
      <inkml:brushProperty name="color" value="#008C3A"/>
    </inkml:brush>
  </inkml:definitions>
  <inkml:trace contextRef="#ctx0" brushRef="#br0">0 0 24521,'0'594'0,"2330"-594"0,-2330-594 0,-2330 594 0</inkml:trace>
</inkml:ink>
</file>

<file path=ppt/ink/ink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07.740"/>
    </inkml:context>
    <inkml:brush xml:id="br0">
      <inkml:brushProperty name="width" value="0.035" units="cm"/>
      <inkml:brushProperty name="height" value="0.035" units="cm"/>
      <inkml:brushProperty name="color" value="#008C3A"/>
    </inkml:brush>
  </inkml:definitions>
  <inkml:trace contextRef="#ctx0" brushRef="#br0">1198 599 24490,'-1'23'0,"0"1"0,-2-1 0,0 0 0,-1 1 0,-1-1 0,-1-1 0,-1 1 0,0-1 0,-2 0 0,0-1 0,-2 1 0,0-2 0,-1 1 0,0-2 0,-2 1 0,0-2 0,-1 1 0,-1-2 0,0 0 0,-1-1 0,0 0 0,-2-1 0,1-1 0,-2 0 0,1-2 0,-2 0 0,1-1 0,-2 0 0,1-2 0,-1 0 0,0-2 0,-1 0 0,1-1 0,-1-1 0,-1-1 0,1-1 0,0 0 0,-1-2 0,1 0 0,-1-2 0,1 0 0,-1-2 0,1 0 0,0-1 0,0-1 0,0-1 0,1-1 0,0 0 0,0-2 0,0 0 0,1-2 0,0 0 0,1-1 0,0 0 0,1-2 0,0 0 0,1-1 0,0-1 0,1 0 0,1-1 0,0 0 0,2-2 0,-1 1 0,2-2 0,0 1 0,1-2 0,1 1 0,1-2 0,1 1 0,0-1 0,1 0 0,1-1 0,2 1 0,0-1 0,0-1 0,2 1 0,1 0 0,0-1 0,2 1 0,0-1 0,2 1 0,0-1 0,1 1 0,2 0 0,0 0 0,0 0 0,2 1 0,1 0 0,1 0 0,0 0 0,1 1 0,1 0 0,1 1 0,1 0 0,0 1 0,2 0 0,-1 1 0,2 0 0,0 1 0,1 1 0,1 0 0,0 2 0,1-1 0,0 2 0,1 0 0,0 1 0,1 1 0,0 1 0,1 1 0,0 0 0,0 1 0,0 1 0,1 2 0,0 0 0,0 0 0,0 2 0,1 1 0,-1 0 0,1 2 0,-1 0 0,1 2 0,-1 0 0,0 1 0,1 2 0,-1 0 0,-1 0 0,1 2 0,-1 1 0,0 1 0,-1 0 0,1 1 0,-2 1 0,1 1 0,-2 1 0,1 0 0,-2 2 0,1-1 0,-2 2 0,0 0 0,-1 1 0,0 1 0,-1 0 0,-1 1 0,0 0 0,-2 1 0,0 0 0,-1 1 0,0 0 0,-2 1 0,0 0 0,-2 0 0,0 0 0,-1 1 0,-1 0 0,-1 0 0,-1 0 0,0 1 0,-2-1 0,0 1 0</inkml:trace>
</inkml:ink>
</file>

<file path=ppt/ink/ink9.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6-02-17T11:08:27.355"/>
    </inkml:context>
    <inkml:brush xml:id="br0">
      <inkml:brushProperty name="width" value="0.035" units="cm"/>
      <inkml:brushProperty name="height" value="0.035" units="cm"/>
      <inkml:brushProperty name="color" value="#E71224"/>
    </inkml:brush>
  </inkml:definitions>
  <inkml:trace contextRef="#ctx0" brushRef="#br0">0 22 24575,'8'0'0,"6"0"0,4 0 0,4 0 0,1 0 0,1 0 0,-4-4 0,-1-1 0,-1-1 0,1 2 0,-2 2-8191</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IE"/>
          </a:p>
        </p:txBody>
      </p:sp>
      <p:sp>
        <p:nvSpPr>
          <p:cNvPr id="3" name="Date Placehold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1F4B201C-2825-496C-94F6-2D5620D74B8A}" type="datetimeFigureOut">
              <a:rPr lang="en-IE" smtClean="0"/>
              <a:t>18/02/2026</a:t>
            </a:fld>
            <a:endParaRPr lang="en-IE"/>
          </a:p>
        </p:txBody>
      </p:sp>
      <p:sp>
        <p:nvSpPr>
          <p:cNvPr id="4" name="Slide Image Placeholder 3"/>
          <p:cNvSpPr>
            <a:spLocks noGrp="1" noRot="1" noChangeAspect="1"/>
          </p:cNvSpPr>
          <p:nvPr>
            <p:ph type="sldImg" idx="2"/>
          </p:nvPr>
        </p:nvSpPr>
        <p:spPr>
          <a:xfrm>
            <a:off x="979488" y="1241425"/>
            <a:ext cx="4838700" cy="3349625"/>
          </a:xfrm>
          <a:prstGeom prst="rect">
            <a:avLst/>
          </a:prstGeom>
          <a:noFill/>
          <a:ln w="12700">
            <a:solidFill>
              <a:prstClr val="black"/>
            </a:solidFill>
          </a:ln>
        </p:spPr>
        <p:txBody>
          <a:bodyPr vert="horz" lIns="91440" tIns="45720" rIns="91440" bIns="45720" rtlCol="0" anchor="ctr"/>
          <a:lstStyle/>
          <a:p>
            <a:endParaRPr lang="en-IE"/>
          </a:p>
        </p:txBody>
      </p:sp>
      <p:sp>
        <p:nvSpPr>
          <p:cNvPr id="5" name="Notes Placehold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6" name="Footer Placehold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en-IE"/>
          </a:p>
        </p:txBody>
      </p:sp>
      <p:sp>
        <p:nvSpPr>
          <p:cNvPr id="7" name="Slide Number Placehold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05DE0E68-4652-4AE6-A6C7-33B965014156}" type="slidenum">
              <a:rPr lang="en-IE" smtClean="0"/>
              <a:t>‹#›</a:t>
            </a:fld>
            <a:endParaRPr lang="en-IE"/>
          </a:p>
        </p:txBody>
      </p:sp>
    </p:spTree>
    <p:extLst>
      <p:ext uri="{BB962C8B-B14F-4D97-AF65-F5344CB8AC3E}">
        <p14:creationId xmlns:p14="http://schemas.microsoft.com/office/powerpoint/2010/main" val="123008323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E"/>
          </a:p>
        </p:txBody>
      </p:sp>
      <p:sp>
        <p:nvSpPr>
          <p:cNvPr id="4" name="Slide Number Placeholder 3"/>
          <p:cNvSpPr>
            <a:spLocks noGrp="1"/>
          </p:cNvSpPr>
          <p:nvPr>
            <p:ph type="sldNum" sz="quarter" idx="5"/>
          </p:nvPr>
        </p:nvSpPr>
        <p:spPr/>
        <p:txBody>
          <a:bodyPr/>
          <a:lstStyle/>
          <a:p>
            <a:fld id="{05DE0E68-4652-4AE6-A6C7-33B965014156}" type="slidenum">
              <a:rPr lang="en-IE" smtClean="0"/>
              <a:t>9</a:t>
            </a:fld>
            <a:endParaRPr lang="en-IE"/>
          </a:p>
        </p:txBody>
      </p:sp>
    </p:spTree>
    <p:extLst>
      <p:ext uri="{BB962C8B-B14F-4D97-AF65-F5344CB8AC3E}">
        <p14:creationId xmlns:p14="http://schemas.microsoft.com/office/powerpoint/2010/main" val="89157678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742950" y="1122363"/>
            <a:ext cx="84201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238250" y="3602038"/>
            <a:ext cx="74295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3CE6EF43-00B4-466B-B2CB-FC4A9C4B59C8}" type="datetimeFigureOut">
              <a:rPr lang="en-IE" smtClean="0"/>
              <a:t>18/02/2026</a:t>
            </a:fld>
            <a:endParaRPr lang="en-IE"/>
          </a:p>
        </p:txBody>
      </p:sp>
      <p:sp>
        <p:nvSpPr>
          <p:cNvPr id="5" name="Footer Placeholder 4"/>
          <p:cNvSpPr>
            <a:spLocks noGrp="1"/>
          </p:cNvSpPr>
          <p:nvPr>
            <p:ph type="ftr" sz="quarter" idx="11"/>
          </p:nvPr>
        </p:nvSpPr>
        <p:spPr/>
        <p:txBody>
          <a:bodyPr/>
          <a:lstStyle/>
          <a:p>
            <a:endParaRPr lang="en-IE"/>
          </a:p>
        </p:txBody>
      </p:sp>
      <p:sp>
        <p:nvSpPr>
          <p:cNvPr id="6" name="Slide Number Placeholder 5"/>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406721269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3CE6EF43-00B4-466B-B2CB-FC4A9C4B59C8}" type="datetimeFigureOut">
              <a:rPr lang="en-IE" smtClean="0"/>
              <a:t>18/02/2026</a:t>
            </a:fld>
            <a:endParaRPr lang="en-IE"/>
          </a:p>
        </p:txBody>
      </p:sp>
      <p:sp>
        <p:nvSpPr>
          <p:cNvPr id="5" name="Footer Placeholder 4"/>
          <p:cNvSpPr>
            <a:spLocks noGrp="1"/>
          </p:cNvSpPr>
          <p:nvPr>
            <p:ph type="ftr" sz="quarter" idx="11"/>
          </p:nvPr>
        </p:nvSpPr>
        <p:spPr/>
        <p:txBody>
          <a:bodyPr/>
          <a:lstStyle/>
          <a:p>
            <a:endParaRPr lang="en-IE"/>
          </a:p>
        </p:txBody>
      </p:sp>
      <p:sp>
        <p:nvSpPr>
          <p:cNvPr id="6" name="Slide Number Placeholder 5"/>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224888247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088982" y="365125"/>
            <a:ext cx="2135981"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81038" y="365125"/>
            <a:ext cx="6284119"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3CE6EF43-00B4-466B-B2CB-FC4A9C4B59C8}" type="datetimeFigureOut">
              <a:rPr lang="en-IE" smtClean="0"/>
              <a:t>18/02/2026</a:t>
            </a:fld>
            <a:endParaRPr lang="en-IE"/>
          </a:p>
        </p:txBody>
      </p:sp>
      <p:sp>
        <p:nvSpPr>
          <p:cNvPr id="5" name="Footer Placeholder 4"/>
          <p:cNvSpPr>
            <a:spLocks noGrp="1"/>
          </p:cNvSpPr>
          <p:nvPr>
            <p:ph type="ftr" sz="quarter" idx="11"/>
          </p:nvPr>
        </p:nvSpPr>
        <p:spPr/>
        <p:txBody>
          <a:bodyPr/>
          <a:lstStyle/>
          <a:p>
            <a:endParaRPr lang="en-IE"/>
          </a:p>
        </p:txBody>
      </p:sp>
      <p:sp>
        <p:nvSpPr>
          <p:cNvPr id="6" name="Slide Number Placeholder 5"/>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255429135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Black blank">
    <p:bg>
      <p:bgRef idx="1001">
        <a:schemeClr val="bg1"/>
      </p:bgRef>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6869961-F931-4F1E-9FB3-8587EBA3F36F}"/>
              </a:ext>
            </a:extLst>
          </p:cNvPr>
          <p:cNvSpPr/>
          <p:nvPr userDrawn="1"/>
        </p:nvSpPr>
        <p:spPr bwMode="auto">
          <a:xfrm>
            <a:off x="0" y="0"/>
            <a:ext cx="9906000" cy="6858000"/>
          </a:xfrm>
          <a:prstGeom prst="rect">
            <a:avLst/>
          </a:prstGeom>
          <a:solidFill>
            <a:schemeClr val="bg2">
              <a:alpha val="0"/>
            </a:schemeClr>
          </a:solidFill>
          <a:ln w="12700" cap="flat" cmpd="sng" algn="ctr">
            <a:noFill/>
            <a:prstDash val="solid"/>
            <a:round/>
            <a:headEnd type="none" w="med" len="med"/>
            <a:tailEnd type="none" w="med" len="med"/>
          </a:ln>
          <a:effectLst/>
        </p:spPr>
        <p:txBody>
          <a:bodyPr rot="0" spcFirstLastPara="0" vertOverflow="overflow" horzOverflow="overflow" vert="horz" wrap="square" lIns="58500" tIns="29250" rIns="59436" bIns="29718" numCol="1" spcCol="0" rtlCol="0" fromWordArt="0" anchor="t" anchorCtr="0" forceAA="0" compatLnSpc="1">
            <a:prstTxWarp prst="textNoShape">
              <a:avLst/>
            </a:prstTxWarp>
            <a:noAutofit/>
          </a:bodyPr>
          <a:lstStyle/>
          <a:p>
            <a:pPr marL="146250" indent="-146250" algn="l">
              <a:spcBef>
                <a:spcPts val="650"/>
              </a:spcBef>
              <a:buFont typeface="Ericsson Hilda" panose="00000500000000000000" pitchFamily="2" charset="0"/>
              <a:buChar char="●"/>
            </a:pPr>
            <a:endParaRPr lang="en-GB" sz="1463" err="1">
              <a:solidFill>
                <a:schemeClr val="bg1"/>
              </a:solidFill>
              <a:latin typeface="+mn-lt"/>
            </a:endParaRPr>
          </a:p>
        </p:txBody>
      </p:sp>
      <p:pic>
        <p:nvPicPr>
          <p:cNvPr id="4" name="Graphic 3">
            <a:extLst>
              <a:ext uri="{FF2B5EF4-FFF2-40B4-BE49-F238E27FC236}">
                <a16:creationId xmlns:a16="http://schemas.microsoft.com/office/drawing/2014/main" id="{5D9DB7BA-3A2F-46BA-A617-2A049434CD62}"/>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338134" y="476251"/>
            <a:ext cx="208026" cy="256032"/>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03FD5EF-20DB-46AB-B412-DF9112353719}"/>
              </a:ext>
            </a:extLst>
          </p:cNvPr>
          <p:cNvSpPr txBox="1"/>
          <p:nvPr userDrawn="1"/>
        </p:nvSpPr>
        <p:spPr>
          <a:xfrm>
            <a:off x="321750" y="6524626"/>
            <a:ext cx="65" cy="100027"/>
          </a:xfrm>
          <a:prstGeom prst="rect">
            <a:avLst/>
          </a:prstGeom>
          <a:noFill/>
        </p:spPr>
        <p:txBody>
          <a:bodyPr vert="horz" wrap="none" lIns="0" tIns="0" rIns="0" bIns="0" rtlCol="0">
            <a:spAutoFit/>
          </a:bodyPr>
          <a:lstStyle/>
          <a:p>
            <a:pPr marL="0" indent="0" algn="l">
              <a:buFontTx/>
              <a:buNone/>
            </a:pPr>
            <a:endParaRPr lang="en-US" sz="650" b="0" i="0" u="none">
              <a:solidFill>
                <a:schemeClr val="tx1"/>
              </a:solidFill>
              <a:latin typeface="+mn-lt"/>
            </a:endParaRPr>
          </a:p>
        </p:txBody>
      </p:sp>
    </p:spTree>
    <p:extLst>
      <p:ext uri="{BB962C8B-B14F-4D97-AF65-F5344CB8AC3E}">
        <p14:creationId xmlns:p14="http://schemas.microsoft.com/office/powerpoint/2010/main" val="537250600"/>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3CE6EF43-00B4-466B-B2CB-FC4A9C4B59C8}" type="datetimeFigureOut">
              <a:rPr lang="en-IE" smtClean="0"/>
              <a:t>18/02/2026</a:t>
            </a:fld>
            <a:endParaRPr lang="en-IE"/>
          </a:p>
        </p:txBody>
      </p:sp>
      <p:sp>
        <p:nvSpPr>
          <p:cNvPr id="5" name="Footer Placeholder 4"/>
          <p:cNvSpPr>
            <a:spLocks noGrp="1"/>
          </p:cNvSpPr>
          <p:nvPr>
            <p:ph type="ftr" sz="quarter" idx="11"/>
          </p:nvPr>
        </p:nvSpPr>
        <p:spPr/>
        <p:txBody>
          <a:bodyPr/>
          <a:lstStyle/>
          <a:p>
            <a:endParaRPr lang="en-IE"/>
          </a:p>
        </p:txBody>
      </p:sp>
      <p:sp>
        <p:nvSpPr>
          <p:cNvPr id="6" name="Slide Number Placeholder 5"/>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46313071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5879" y="1709740"/>
            <a:ext cx="8543925"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675879" y="4589465"/>
            <a:ext cx="8543925"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CE6EF43-00B4-466B-B2CB-FC4A9C4B59C8}" type="datetimeFigureOut">
              <a:rPr lang="en-IE" smtClean="0"/>
              <a:t>18/02/2026</a:t>
            </a:fld>
            <a:endParaRPr lang="en-IE"/>
          </a:p>
        </p:txBody>
      </p:sp>
      <p:sp>
        <p:nvSpPr>
          <p:cNvPr id="5" name="Footer Placeholder 4"/>
          <p:cNvSpPr>
            <a:spLocks noGrp="1"/>
          </p:cNvSpPr>
          <p:nvPr>
            <p:ph type="ftr" sz="quarter" idx="11"/>
          </p:nvPr>
        </p:nvSpPr>
        <p:spPr/>
        <p:txBody>
          <a:bodyPr/>
          <a:lstStyle/>
          <a:p>
            <a:endParaRPr lang="en-IE"/>
          </a:p>
        </p:txBody>
      </p:sp>
      <p:sp>
        <p:nvSpPr>
          <p:cNvPr id="6" name="Slide Number Placeholder 5"/>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160062200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81038" y="1825625"/>
            <a:ext cx="421005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5014913" y="1825625"/>
            <a:ext cx="421005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3CE6EF43-00B4-466B-B2CB-FC4A9C4B59C8}" type="datetimeFigureOut">
              <a:rPr lang="en-IE" smtClean="0"/>
              <a:t>18/02/2026</a:t>
            </a:fld>
            <a:endParaRPr lang="en-IE"/>
          </a:p>
        </p:txBody>
      </p:sp>
      <p:sp>
        <p:nvSpPr>
          <p:cNvPr id="6" name="Footer Placeholder 5"/>
          <p:cNvSpPr>
            <a:spLocks noGrp="1"/>
          </p:cNvSpPr>
          <p:nvPr>
            <p:ph type="ftr" sz="quarter" idx="11"/>
          </p:nvPr>
        </p:nvSpPr>
        <p:spPr/>
        <p:txBody>
          <a:bodyPr/>
          <a:lstStyle/>
          <a:p>
            <a:endParaRPr lang="en-IE"/>
          </a:p>
        </p:txBody>
      </p:sp>
      <p:sp>
        <p:nvSpPr>
          <p:cNvPr id="7" name="Slide Number Placeholder 6"/>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27010346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82328" y="365127"/>
            <a:ext cx="8543925" cy="1325563"/>
          </a:xfrm>
        </p:spPr>
        <p:txBody>
          <a:bodyPr/>
          <a:lstStyle/>
          <a:p>
            <a:r>
              <a:rPr lang="en-US"/>
              <a:t>Click to edit Master title style</a:t>
            </a:r>
          </a:p>
        </p:txBody>
      </p:sp>
      <p:sp>
        <p:nvSpPr>
          <p:cNvPr id="3" name="Text Placeholder 2"/>
          <p:cNvSpPr>
            <a:spLocks noGrp="1"/>
          </p:cNvSpPr>
          <p:nvPr>
            <p:ph type="body" idx="1"/>
          </p:nvPr>
        </p:nvSpPr>
        <p:spPr>
          <a:xfrm>
            <a:off x="682329" y="1681163"/>
            <a:ext cx="4190702"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82329" y="2505075"/>
            <a:ext cx="4190702"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5014913" y="1681163"/>
            <a:ext cx="4211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14913" y="2505075"/>
            <a:ext cx="4211340"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3CE6EF43-00B4-466B-B2CB-FC4A9C4B59C8}" type="datetimeFigureOut">
              <a:rPr lang="en-IE" smtClean="0"/>
              <a:t>18/02/2026</a:t>
            </a:fld>
            <a:endParaRPr lang="en-IE"/>
          </a:p>
        </p:txBody>
      </p:sp>
      <p:sp>
        <p:nvSpPr>
          <p:cNvPr id="8" name="Footer Placeholder 7"/>
          <p:cNvSpPr>
            <a:spLocks noGrp="1"/>
          </p:cNvSpPr>
          <p:nvPr>
            <p:ph type="ftr" sz="quarter" idx="11"/>
          </p:nvPr>
        </p:nvSpPr>
        <p:spPr/>
        <p:txBody>
          <a:bodyPr/>
          <a:lstStyle/>
          <a:p>
            <a:endParaRPr lang="en-IE"/>
          </a:p>
        </p:txBody>
      </p:sp>
      <p:sp>
        <p:nvSpPr>
          <p:cNvPr id="9" name="Slide Number Placeholder 8"/>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18046214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3CE6EF43-00B4-466B-B2CB-FC4A9C4B59C8}" type="datetimeFigureOut">
              <a:rPr lang="en-IE" smtClean="0"/>
              <a:t>18/02/2026</a:t>
            </a:fld>
            <a:endParaRPr lang="en-IE"/>
          </a:p>
        </p:txBody>
      </p:sp>
      <p:sp>
        <p:nvSpPr>
          <p:cNvPr id="4" name="Footer Placeholder 3"/>
          <p:cNvSpPr>
            <a:spLocks noGrp="1"/>
          </p:cNvSpPr>
          <p:nvPr>
            <p:ph type="ftr" sz="quarter" idx="11"/>
          </p:nvPr>
        </p:nvSpPr>
        <p:spPr/>
        <p:txBody>
          <a:bodyPr/>
          <a:lstStyle/>
          <a:p>
            <a:endParaRPr lang="en-IE"/>
          </a:p>
        </p:txBody>
      </p:sp>
      <p:sp>
        <p:nvSpPr>
          <p:cNvPr id="5" name="Slide Number Placeholder 4"/>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303869933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3CE6EF43-00B4-466B-B2CB-FC4A9C4B59C8}" type="datetimeFigureOut">
              <a:rPr lang="en-IE" smtClean="0"/>
              <a:t>18/02/2026</a:t>
            </a:fld>
            <a:endParaRPr lang="en-IE"/>
          </a:p>
        </p:txBody>
      </p:sp>
      <p:sp>
        <p:nvSpPr>
          <p:cNvPr id="3" name="Footer Placeholder 2"/>
          <p:cNvSpPr>
            <a:spLocks noGrp="1"/>
          </p:cNvSpPr>
          <p:nvPr>
            <p:ph type="ftr" sz="quarter" idx="11"/>
          </p:nvPr>
        </p:nvSpPr>
        <p:spPr/>
        <p:txBody>
          <a:bodyPr/>
          <a:lstStyle/>
          <a:p>
            <a:endParaRPr lang="en-IE"/>
          </a:p>
        </p:txBody>
      </p:sp>
      <p:sp>
        <p:nvSpPr>
          <p:cNvPr id="4" name="Slide Number Placeholder 3"/>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409020196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82328" y="457200"/>
            <a:ext cx="3194943"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4211340" y="987427"/>
            <a:ext cx="5014913"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82328" y="2057400"/>
            <a:ext cx="3194943"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3CE6EF43-00B4-466B-B2CB-FC4A9C4B59C8}" type="datetimeFigureOut">
              <a:rPr lang="en-IE" smtClean="0"/>
              <a:t>18/02/2026</a:t>
            </a:fld>
            <a:endParaRPr lang="en-IE"/>
          </a:p>
        </p:txBody>
      </p:sp>
      <p:sp>
        <p:nvSpPr>
          <p:cNvPr id="6" name="Footer Placeholder 5"/>
          <p:cNvSpPr>
            <a:spLocks noGrp="1"/>
          </p:cNvSpPr>
          <p:nvPr>
            <p:ph type="ftr" sz="quarter" idx="11"/>
          </p:nvPr>
        </p:nvSpPr>
        <p:spPr/>
        <p:txBody>
          <a:bodyPr/>
          <a:lstStyle/>
          <a:p>
            <a:endParaRPr lang="en-IE"/>
          </a:p>
        </p:txBody>
      </p:sp>
      <p:sp>
        <p:nvSpPr>
          <p:cNvPr id="7" name="Slide Number Placeholder 6"/>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87517434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82328" y="457200"/>
            <a:ext cx="3194943" cy="1600200"/>
          </a:xfrm>
        </p:spPr>
        <p:txBody>
          <a:bodyPr anchor="b"/>
          <a:lstStyle>
            <a:lvl1pPr>
              <a:defRPr sz="3200"/>
            </a:lvl1pPr>
          </a:lstStyle>
          <a:p>
            <a:r>
              <a:rPr lang="en-US"/>
              <a:t>Click to edit Master title style</a:t>
            </a:r>
          </a:p>
        </p:txBody>
      </p:sp>
      <p:sp>
        <p:nvSpPr>
          <p:cNvPr id="3" name="Picture Placeholder 2"/>
          <p:cNvSpPr>
            <a:spLocks noGrp="1" noChangeAspect="1"/>
          </p:cNvSpPr>
          <p:nvPr>
            <p:ph type="pic" idx="1"/>
          </p:nvPr>
        </p:nvSpPr>
        <p:spPr>
          <a:xfrm>
            <a:off x="4211340" y="987427"/>
            <a:ext cx="5014913"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682328" y="2057400"/>
            <a:ext cx="3194943"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3CE6EF43-00B4-466B-B2CB-FC4A9C4B59C8}" type="datetimeFigureOut">
              <a:rPr lang="en-IE" smtClean="0"/>
              <a:t>18/02/2026</a:t>
            </a:fld>
            <a:endParaRPr lang="en-IE"/>
          </a:p>
        </p:txBody>
      </p:sp>
      <p:sp>
        <p:nvSpPr>
          <p:cNvPr id="6" name="Footer Placeholder 5"/>
          <p:cNvSpPr>
            <a:spLocks noGrp="1"/>
          </p:cNvSpPr>
          <p:nvPr>
            <p:ph type="ftr" sz="quarter" idx="11"/>
          </p:nvPr>
        </p:nvSpPr>
        <p:spPr/>
        <p:txBody>
          <a:bodyPr/>
          <a:lstStyle/>
          <a:p>
            <a:endParaRPr lang="en-IE"/>
          </a:p>
        </p:txBody>
      </p:sp>
      <p:sp>
        <p:nvSpPr>
          <p:cNvPr id="7" name="Slide Number Placeholder 6"/>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393700880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81038" y="365127"/>
            <a:ext cx="8543925"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81038" y="1825625"/>
            <a:ext cx="8543925"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81038" y="6356352"/>
            <a:ext cx="222885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CE6EF43-00B4-466B-B2CB-FC4A9C4B59C8}" type="datetimeFigureOut">
              <a:rPr lang="en-IE" smtClean="0"/>
              <a:t>18/02/2026</a:t>
            </a:fld>
            <a:endParaRPr lang="en-IE"/>
          </a:p>
        </p:txBody>
      </p:sp>
      <p:sp>
        <p:nvSpPr>
          <p:cNvPr id="5" name="Footer Placeholder 4"/>
          <p:cNvSpPr>
            <a:spLocks noGrp="1"/>
          </p:cNvSpPr>
          <p:nvPr>
            <p:ph type="ftr" sz="quarter" idx="3"/>
          </p:nvPr>
        </p:nvSpPr>
        <p:spPr>
          <a:xfrm>
            <a:off x="3281363" y="6356352"/>
            <a:ext cx="3343275"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IE"/>
          </a:p>
        </p:txBody>
      </p:sp>
      <p:sp>
        <p:nvSpPr>
          <p:cNvPr id="6" name="Slide Number Placeholder 5"/>
          <p:cNvSpPr>
            <a:spLocks noGrp="1"/>
          </p:cNvSpPr>
          <p:nvPr>
            <p:ph type="sldNum" sz="quarter" idx="4"/>
          </p:nvPr>
        </p:nvSpPr>
        <p:spPr>
          <a:xfrm>
            <a:off x="6996113" y="6356352"/>
            <a:ext cx="222885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64CF0A97-084C-408E-8819-907D17D8D181}" type="slidenum">
              <a:rPr lang="en-IE" smtClean="0"/>
              <a:t>‹#›</a:t>
            </a:fld>
            <a:endParaRPr lang="en-IE"/>
          </a:p>
        </p:txBody>
      </p:sp>
    </p:spTree>
    <p:extLst>
      <p:ext uri="{BB962C8B-B14F-4D97-AF65-F5344CB8AC3E}">
        <p14:creationId xmlns:p14="http://schemas.microsoft.com/office/powerpoint/2010/main" val="2741911309"/>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3.png"/><Relationship Id="rId7" Type="http://schemas.openxmlformats.org/officeDocument/2006/relationships/image" Target="../media/image6.emf"/><Relationship Id="rId2"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image" Target="../media/image5.svg"/><Relationship Id="rId5" Type="http://schemas.openxmlformats.org/officeDocument/2006/relationships/image" Target="../media/image4.png"/><Relationship Id="rId4" Type="http://schemas.microsoft.com/office/2007/relationships/hdphoto" Target="../media/hdphoto1.wdp"/><Relationship Id="rId9" Type="http://schemas.openxmlformats.org/officeDocument/2006/relationships/hyperlink" Target="https://scratch.mit.edu/" TargetMode="External"/></Relationships>
</file>

<file path=ppt/slides/_rels/slide10.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image" Target="../media/image9.emf"/><Relationship Id="rId7" Type="http://schemas.openxmlformats.org/officeDocument/2006/relationships/image" Target="../media/image20.png"/><Relationship Id="rId2" Type="http://schemas.openxmlformats.org/officeDocument/2006/relationships/slideLayout" Target="../slideLayouts/slideLayout6.xml"/><Relationship Id="rId1" Type="http://schemas.openxmlformats.org/officeDocument/2006/relationships/tags" Target="../tags/tag8.xml"/><Relationship Id="rId6" Type="http://schemas.openxmlformats.org/officeDocument/2006/relationships/image" Target="../media/image33.png"/><Relationship Id="rId5" Type="http://schemas.openxmlformats.org/officeDocument/2006/relationships/image" Target="../media/image12.svg"/><Relationship Id="rId4" Type="http://schemas.openxmlformats.org/officeDocument/2006/relationships/image" Target="../media/image11.png"/></Relationships>
</file>

<file path=ppt/slides/_rels/slide11.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image" Target="../media/image9.emf"/><Relationship Id="rId7" Type="http://schemas.openxmlformats.org/officeDocument/2006/relationships/image" Target="../media/image35.png"/><Relationship Id="rId2" Type="http://schemas.openxmlformats.org/officeDocument/2006/relationships/slideLayout" Target="../slideLayouts/slideLayout6.xml"/><Relationship Id="rId1" Type="http://schemas.openxmlformats.org/officeDocument/2006/relationships/tags" Target="../tags/tag9.xml"/><Relationship Id="rId6" Type="http://schemas.openxmlformats.org/officeDocument/2006/relationships/image" Target="../media/image34.png"/><Relationship Id="rId5" Type="http://schemas.openxmlformats.org/officeDocument/2006/relationships/image" Target="../media/image12.svg"/><Relationship Id="rId4" Type="http://schemas.openxmlformats.org/officeDocument/2006/relationships/image" Target="../media/image11.png"/><Relationship Id="rId9" Type="http://schemas.openxmlformats.org/officeDocument/2006/relationships/image" Target="../media/image37.png"/></Relationships>
</file>

<file path=ppt/slides/_rels/slide12.xml.rels><?xml version="1.0" encoding="UTF-8" standalone="yes"?>
<Relationships xmlns="http://schemas.openxmlformats.org/package/2006/relationships"><Relationship Id="rId8" Type="http://schemas.openxmlformats.org/officeDocument/2006/relationships/image" Target="../media/image40.png"/><Relationship Id="rId3" Type="http://schemas.openxmlformats.org/officeDocument/2006/relationships/image" Target="../media/image9.emf"/><Relationship Id="rId7" Type="http://schemas.openxmlformats.org/officeDocument/2006/relationships/image" Target="../media/image39.png"/><Relationship Id="rId2" Type="http://schemas.openxmlformats.org/officeDocument/2006/relationships/slideLayout" Target="../slideLayouts/slideLayout6.xml"/><Relationship Id="rId1" Type="http://schemas.openxmlformats.org/officeDocument/2006/relationships/tags" Target="../tags/tag10.xml"/><Relationship Id="rId6" Type="http://schemas.openxmlformats.org/officeDocument/2006/relationships/image" Target="../media/image38.png"/><Relationship Id="rId5" Type="http://schemas.openxmlformats.org/officeDocument/2006/relationships/image" Target="../media/image12.svg"/><Relationship Id="rId4" Type="http://schemas.openxmlformats.org/officeDocument/2006/relationships/image" Target="../media/image11.png"/><Relationship Id="rId9" Type="http://schemas.openxmlformats.org/officeDocument/2006/relationships/image" Target="../media/image41.png"/></Relationships>
</file>

<file path=ppt/slides/_rels/slide13.xml.rels><?xml version="1.0" encoding="UTF-8" standalone="yes"?>
<Relationships xmlns="http://schemas.openxmlformats.org/package/2006/relationships"><Relationship Id="rId13" Type="http://schemas.openxmlformats.org/officeDocument/2006/relationships/image" Target="../media/image46.png"/><Relationship Id="rId18" Type="http://schemas.openxmlformats.org/officeDocument/2006/relationships/image" Target="../media/image49.png"/><Relationship Id="rId26" Type="http://schemas.openxmlformats.org/officeDocument/2006/relationships/image" Target="../media/image54.png"/><Relationship Id="rId39" Type="http://schemas.openxmlformats.org/officeDocument/2006/relationships/customXml" Target="../ink/ink17.xml"/><Relationship Id="rId21" Type="http://schemas.openxmlformats.org/officeDocument/2006/relationships/customXml" Target="../ink/ink8.xml"/><Relationship Id="rId34" Type="http://schemas.openxmlformats.org/officeDocument/2006/relationships/image" Target="../media/image58.png"/><Relationship Id="rId7" Type="http://schemas.openxmlformats.org/officeDocument/2006/relationships/customXml" Target="../ink/ink3.xml"/><Relationship Id="rId2" Type="http://schemas.openxmlformats.org/officeDocument/2006/relationships/slideLayout" Target="../slideLayouts/slideLayout6.xml"/><Relationship Id="rId16" Type="http://schemas.openxmlformats.org/officeDocument/2006/relationships/image" Target="../media/image48.png"/><Relationship Id="rId20" Type="http://schemas.openxmlformats.org/officeDocument/2006/relationships/image" Target="../media/image51.svg"/><Relationship Id="rId29" Type="http://schemas.openxmlformats.org/officeDocument/2006/relationships/customXml" Target="../ink/ink12.xml"/><Relationship Id="rId41" Type="http://schemas.openxmlformats.org/officeDocument/2006/relationships/customXml" Target="../ink/ink18.xml"/><Relationship Id="rId1" Type="http://schemas.openxmlformats.org/officeDocument/2006/relationships/tags" Target="../tags/tag11.xml"/><Relationship Id="rId6" Type="http://schemas.openxmlformats.org/officeDocument/2006/relationships/image" Target="../media/image42.png"/><Relationship Id="rId11" Type="http://schemas.openxmlformats.org/officeDocument/2006/relationships/customXml" Target="../ink/ink5.xml"/><Relationship Id="rId24" Type="http://schemas.openxmlformats.org/officeDocument/2006/relationships/image" Target="../media/image53.png"/><Relationship Id="rId32" Type="http://schemas.openxmlformats.org/officeDocument/2006/relationships/image" Target="../media/image57.png"/><Relationship Id="rId37" Type="http://schemas.openxmlformats.org/officeDocument/2006/relationships/customXml" Target="../ink/ink16.xml"/><Relationship Id="rId40" Type="http://schemas.openxmlformats.org/officeDocument/2006/relationships/image" Target="../media/image61.png"/><Relationship Id="rId5" Type="http://schemas.openxmlformats.org/officeDocument/2006/relationships/image" Target="../media/image12.svg"/><Relationship Id="rId15" Type="http://schemas.openxmlformats.org/officeDocument/2006/relationships/customXml" Target="../ink/ink6.xml"/><Relationship Id="rId23" Type="http://schemas.openxmlformats.org/officeDocument/2006/relationships/customXml" Target="../ink/ink9.xml"/><Relationship Id="rId28" Type="http://schemas.openxmlformats.org/officeDocument/2006/relationships/image" Target="../media/image55.png"/><Relationship Id="rId36" Type="http://schemas.openxmlformats.org/officeDocument/2006/relationships/image" Target="../media/image59.png"/><Relationship Id="rId10" Type="http://schemas.openxmlformats.org/officeDocument/2006/relationships/image" Target="../media/image44.png"/><Relationship Id="rId19" Type="http://schemas.openxmlformats.org/officeDocument/2006/relationships/image" Target="../media/image50.png"/><Relationship Id="rId31" Type="http://schemas.openxmlformats.org/officeDocument/2006/relationships/customXml" Target="../ink/ink13.xml"/><Relationship Id="rId4" Type="http://schemas.openxmlformats.org/officeDocument/2006/relationships/image" Target="../media/image11.png"/><Relationship Id="rId9" Type="http://schemas.openxmlformats.org/officeDocument/2006/relationships/customXml" Target="../ink/ink4.xml"/><Relationship Id="rId14" Type="http://schemas.openxmlformats.org/officeDocument/2006/relationships/image" Target="../media/image47.png"/><Relationship Id="rId22" Type="http://schemas.openxmlformats.org/officeDocument/2006/relationships/image" Target="../media/image52.png"/><Relationship Id="rId27" Type="http://schemas.openxmlformats.org/officeDocument/2006/relationships/customXml" Target="../ink/ink11.xml"/><Relationship Id="rId30" Type="http://schemas.openxmlformats.org/officeDocument/2006/relationships/image" Target="../media/image56.png"/><Relationship Id="rId35" Type="http://schemas.openxmlformats.org/officeDocument/2006/relationships/customXml" Target="../ink/ink15.xml"/><Relationship Id="rId8" Type="http://schemas.openxmlformats.org/officeDocument/2006/relationships/image" Target="../media/image43.png"/><Relationship Id="rId3" Type="http://schemas.openxmlformats.org/officeDocument/2006/relationships/image" Target="../media/image9.emf"/><Relationship Id="rId12" Type="http://schemas.openxmlformats.org/officeDocument/2006/relationships/image" Target="../media/image45.png"/><Relationship Id="rId17" Type="http://schemas.openxmlformats.org/officeDocument/2006/relationships/customXml" Target="../ink/ink7.xml"/><Relationship Id="rId25" Type="http://schemas.openxmlformats.org/officeDocument/2006/relationships/customXml" Target="../ink/ink10.xml"/><Relationship Id="rId33" Type="http://schemas.openxmlformats.org/officeDocument/2006/relationships/customXml" Target="../ink/ink14.xml"/><Relationship Id="rId38" Type="http://schemas.openxmlformats.org/officeDocument/2006/relationships/image" Target="../media/image60.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7" Type="http://schemas.openxmlformats.org/officeDocument/2006/relationships/image" Target="../media/image12.svg"/><Relationship Id="rId2" Type="http://schemas.openxmlformats.org/officeDocument/2006/relationships/slideLayout" Target="../slideLayouts/slideLayout6.xml"/><Relationship Id="rId1" Type="http://schemas.openxmlformats.org/officeDocument/2006/relationships/tags" Target="../tags/tag2.xml"/><Relationship Id="rId6" Type="http://schemas.openxmlformats.org/officeDocument/2006/relationships/image" Target="../media/image11.png"/><Relationship Id="rId5" Type="http://schemas.openxmlformats.org/officeDocument/2006/relationships/image" Target="../media/image10.png"/><Relationship Id="rId4" Type="http://schemas.openxmlformats.org/officeDocument/2006/relationships/image" Target="../media/image9.emf"/></Relationships>
</file>

<file path=ppt/slides/_rels/slide3.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9.emf"/><Relationship Id="rId7" Type="http://schemas.openxmlformats.org/officeDocument/2006/relationships/image" Target="../media/image12.svg"/><Relationship Id="rId2" Type="http://schemas.openxmlformats.org/officeDocument/2006/relationships/slideLayout" Target="../slideLayouts/slideLayout6.xml"/><Relationship Id="rId1" Type="http://schemas.openxmlformats.org/officeDocument/2006/relationships/tags" Target="../tags/tag3.xml"/><Relationship Id="rId6" Type="http://schemas.openxmlformats.org/officeDocument/2006/relationships/image" Target="../media/image11.png"/><Relationship Id="rId5" Type="http://schemas.openxmlformats.org/officeDocument/2006/relationships/image" Target="../media/image14.png"/><Relationship Id="rId4" Type="http://schemas.openxmlformats.org/officeDocument/2006/relationships/image" Target="../media/image13.png"/></Relationships>
</file>

<file path=ppt/slides/_rels/slide4.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19.png"/><Relationship Id="rId3" Type="http://schemas.openxmlformats.org/officeDocument/2006/relationships/image" Target="../media/image9.emf"/><Relationship Id="rId7" Type="http://schemas.openxmlformats.org/officeDocument/2006/relationships/image" Target="../media/image8.png"/><Relationship Id="rId12" Type="http://schemas.openxmlformats.org/officeDocument/2006/relationships/customXml" Target="../ink/ink2.xml"/><Relationship Id="rId2" Type="http://schemas.openxmlformats.org/officeDocument/2006/relationships/slideLayout" Target="../slideLayouts/slideLayout6.xml"/><Relationship Id="rId1" Type="http://schemas.openxmlformats.org/officeDocument/2006/relationships/tags" Target="../tags/tag4.xml"/><Relationship Id="rId6" Type="http://schemas.openxmlformats.org/officeDocument/2006/relationships/image" Target="../media/image10.png"/><Relationship Id="rId11" Type="http://schemas.openxmlformats.org/officeDocument/2006/relationships/image" Target="../media/image18.png"/><Relationship Id="rId5" Type="http://schemas.openxmlformats.org/officeDocument/2006/relationships/image" Target="../media/image12.svg"/><Relationship Id="rId10" Type="http://schemas.openxmlformats.org/officeDocument/2006/relationships/customXml" Target="../ink/ink1.xml"/><Relationship Id="rId4" Type="http://schemas.openxmlformats.org/officeDocument/2006/relationships/image" Target="../media/image11.png"/><Relationship Id="rId9" Type="http://schemas.openxmlformats.org/officeDocument/2006/relationships/image" Target="../media/image17.png"/></Relationships>
</file>

<file path=ppt/slides/_rels/slide5.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21.png"/><Relationship Id="rId7" Type="http://schemas.openxmlformats.org/officeDocument/2006/relationships/image" Target="../media/image11.png"/><Relationship Id="rId2" Type="http://schemas.openxmlformats.org/officeDocument/2006/relationships/image" Target="../media/image20.png"/><Relationship Id="rId1" Type="http://schemas.openxmlformats.org/officeDocument/2006/relationships/slideLayout" Target="../slideLayouts/slideLayout6.xml"/><Relationship Id="rId6" Type="http://schemas.openxmlformats.org/officeDocument/2006/relationships/image" Target="../media/image9.emf"/><Relationship Id="rId5" Type="http://schemas.openxmlformats.org/officeDocument/2006/relationships/image" Target="../media/image17.png"/><Relationship Id="rId4" Type="http://schemas.openxmlformats.org/officeDocument/2006/relationships/image" Target="../media/image16.png"/></Relationships>
</file>

<file path=ppt/slides/_rels/slide6.xml.rels><?xml version="1.0" encoding="UTF-8" standalone="yes"?>
<Relationships xmlns="http://schemas.openxmlformats.org/package/2006/relationships"><Relationship Id="rId3" Type="http://schemas.openxmlformats.org/officeDocument/2006/relationships/image" Target="../media/image9.emf"/><Relationship Id="rId7" Type="http://schemas.openxmlformats.org/officeDocument/2006/relationships/image" Target="../media/image23.png"/><Relationship Id="rId2" Type="http://schemas.openxmlformats.org/officeDocument/2006/relationships/slideLayout" Target="../slideLayouts/slideLayout6.xml"/><Relationship Id="rId1" Type="http://schemas.openxmlformats.org/officeDocument/2006/relationships/tags" Target="../tags/tag5.xml"/><Relationship Id="rId6" Type="http://schemas.openxmlformats.org/officeDocument/2006/relationships/image" Target="../media/image22.png"/><Relationship Id="rId5" Type="http://schemas.openxmlformats.org/officeDocument/2006/relationships/image" Target="../media/image12.svg"/><Relationship Id="rId4" Type="http://schemas.openxmlformats.org/officeDocument/2006/relationships/image" Target="../media/image11.png"/></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9.emf"/><Relationship Id="rId1" Type="http://schemas.openxmlformats.org/officeDocument/2006/relationships/slideLayout" Target="../slideLayouts/slideLayout6.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12.svg"/></Relationships>
</file>

<file path=ppt/slides/_rels/slide8.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9.emf"/><Relationship Id="rId7" Type="http://schemas.openxmlformats.org/officeDocument/2006/relationships/image" Target="../media/image27.png"/><Relationship Id="rId2" Type="http://schemas.openxmlformats.org/officeDocument/2006/relationships/slideLayout" Target="../slideLayouts/slideLayout6.xml"/><Relationship Id="rId1" Type="http://schemas.openxmlformats.org/officeDocument/2006/relationships/tags" Target="../tags/tag6.xml"/><Relationship Id="rId6" Type="http://schemas.openxmlformats.org/officeDocument/2006/relationships/image" Target="../media/image26.png"/><Relationship Id="rId5" Type="http://schemas.openxmlformats.org/officeDocument/2006/relationships/image" Target="../media/image12.svg"/><Relationship Id="rId4" Type="http://schemas.openxmlformats.org/officeDocument/2006/relationships/image" Target="../media/image11.png"/><Relationship Id="rId9" Type="http://schemas.openxmlformats.org/officeDocument/2006/relationships/image" Target="../media/image29.png"/></Relationships>
</file>

<file path=ppt/slides/_rels/slide9.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notesSlide" Target="../notesSlides/notesSlide1.xml"/><Relationship Id="rId7" Type="http://schemas.openxmlformats.org/officeDocument/2006/relationships/image" Target="../media/image30.png"/><Relationship Id="rId2" Type="http://schemas.openxmlformats.org/officeDocument/2006/relationships/slideLayout" Target="../slideLayouts/slideLayout6.xml"/><Relationship Id="rId1" Type="http://schemas.openxmlformats.org/officeDocument/2006/relationships/tags" Target="../tags/tag7.xml"/><Relationship Id="rId6" Type="http://schemas.openxmlformats.org/officeDocument/2006/relationships/image" Target="../media/image12.svg"/><Relationship Id="rId5" Type="http://schemas.openxmlformats.org/officeDocument/2006/relationships/image" Target="../media/image11.png"/><Relationship Id="rId4" Type="http://schemas.openxmlformats.org/officeDocument/2006/relationships/image" Target="../media/image9.emf"/><Relationship Id="rId9" Type="http://schemas.openxmlformats.org/officeDocument/2006/relationships/image" Target="../media/image3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619AA282-993C-4C2A-A8A5-D37A64905398}"/>
              </a:ext>
            </a:extLst>
          </p:cNvPr>
          <p:cNvPicPr>
            <a:picLocks noChangeAspect="1"/>
          </p:cNvPicPr>
          <p:nvPr/>
        </p:nvPicPr>
        <p:blipFill rotWithShape="1">
          <a:blip r:embed="rId3">
            <a:duotone>
              <a:schemeClr val="accent6">
                <a:shade val="45000"/>
                <a:satMod val="135000"/>
              </a:schemeClr>
              <a:prstClr val="white"/>
            </a:duotone>
            <a:alphaModFix amt="73000"/>
            <a:extLst>
              <a:ext uri="{BEBA8EAE-BF5A-486C-A8C5-ECC9F3942E4B}">
                <a14:imgProps xmlns:a14="http://schemas.microsoft.com/office/drawing/2010/main">
                  <a14:imgLayer r:embed="rId4">
                    <a14:imgEffect>
                      <a14:colorTemperature colorTemp="2029"/>
                    </a14:imgEffect>
                    <a14:imgEffect>
                      <a14:saturation sat="280000"/>
                    </a14:imgEffect>
                  </a14:imgLayer>
                </a14:imgProps>
              </a:ext>
              <a:ext uri="{28A0092B-C50C-407E-A947-70E740481C1C}">
                <a14:useLocalDpi xmlns:a14="http://schemas.microsoft.com/office/drawing/2010/main" val="0"/>
              </a:ext>
            </a:extLst>
          </a:blip>
          <a:srcRect/>
          <a:stretch/>
        </p:blipFill>
        <p:spPr>
          <a:xfrm>
            <a:off x="15240" y="0"/>
            <a:ext cx="9906000" cy="6858000"/>
          </a:xfrm>
          <a:prstGeom prst="rect">
            <a:avLst/>
          </a:prstGeom>
        </p:spPr>
      </p:pic>
      <p:pic>
        <p:nvPicPr>
          <p:cNvPr id="6" name="Graphic 5" descr="Shamrock outline">
            <a:extLst>
              <a:ext uri="{FF2B5EF4-FFF2-40B4-BE49-F238E27FC236}">
                <a16:creationId xmlns:a16="http://schemas.microsoft.com/office/drawing/2014/main" id="{BB917237-26D7-1530-71A4-7D1F5FF9FEA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383596" y="938676"/>
            <a:ext cx="3645408" cy="3645408"/>
          </a:xfrm>
          <a:prstGeom prst="rect">
            <a:avLst/>
          </a:prstGeom>
        </p:spPr>
      </p:pic>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9212614" y="430416"/>
            <a:ext cx="508039" cy="508260"/>
          </a:xfrm>
          <a:prstGeom prst="rect">
            <a:avLst/>
          </a:prstGeom>
        </p:spPr>
      </p:pic>
      <p:sp>
        <p:nvSpPr>
          <p:cNvPr id="4" name="Title 7">
            <a:extLst>
              <a:ext uri="{FF2B5EF4-FFF2-40B4-BE49-F238E27FC236}">
                <a16:creationId xmlns:a16="http://schemas.microsoft.com/office/drawing/2014/main" id="{9D1603A8-B106-49C8-9A85-772F771CEA7B}"/>
              </a:ext>
            </a:extLst>
          </p:cNvPr>
          <p:cNvSpPr txBox="1">
            <a:spLocks/>
          </p:cNvSpPr>
          <p:nvPr/>
        </p:nvSpPr>
        <p:spPr>
          <a:xfrm>
            <a:off x="440514" y="607444"/>
            <a:ext cx="8103737" cy="2809281"/>
          </a:xfrm>
          <a:prstGeom prst="rect">
            <a:avLst/>
          </a:prstGeom>
        </p:spPr>
        <p:txBody>
          <a:bodyPr lIns="74295" tIns="37148" rIns="74295" bIns="37148"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defTabSz="742950">
              <a:spcBef>
                <a:spcPts val="244"/>
              </a:spcBef>
              <a:defRPr/>
            </a:pPr>
            <a:r>
              <a:rPr lang="en-US" sz="7150" b="1" spc="-130">
                <a:latin typeface="Ericsson Hilda Light"/>
              </a:rPr>
              <a:t>Curriculum Connect</a:t>
            </a:r>
            <a:endParaRPr lang="en-US" sz="7150" b="1">
              <a:latin typeface="Ericsson Hilda Light"/>
            </a:endParaRPr>
          </a:p>
          <a:p>
            <a:pPr defTabSz="742950">
              <a:spcBef>
                <a:spcPts val="244"/>
              </a:spcBef>
              <a:defRPr/>
            </a:pPr>
            <a:endParaRPr lang="en-US" sz="2925" b="1" spc="-130">
              <a:latin typeface="Ericsson Hilda Light"/>
            </a:endParaRPr>
          </a:p>
          <a:p>
            <a:pPr>
              <a:defRPr/>
            </a:pPr>
            <a:r>
              <a:rPr lang="en-US" sz="5850">
                <a:latin typeface="Ericsson Hilda Light"/>
              </a:rPr>
              <a:t>St. Patrick’s Day</a:t>
            </a:r>
          </a:p>
          <a:p>
            <a:pPr>
              <a:defRPr/>
            </a:pPr>
            <a:r>
              <a:rPr lang="ga-IE" altLang="en-US" sz="5850">
                <a:latin typeface="inherit"/>
              </a:rPr>
              <a:t>Lá Fhéile Pádraig</a:t>
            </a:r>
            <a:endParaRPr lang="ga-IE" altLang="en-US" sz="1950">
              <a:latin typeface="Calibri Light"/>
              <a:ea typeface="Calibri Light"/>
              <a:cs typeface="Calibri Light"/>
            </a:endParaRPr>
          </a:p>
        </p:txBody>
      </p:sp>
      <p:sp>
        <p:nvSpPr>
          <p:cNvPr id="9" name="Rectangle 8">
            <a:extLst>
              <a:ext uri="{FF2B5EF4-FFF2-40B4-BE49-F238E27FC236}">
                <a16:creationId xmlns:a16="http://schemas.microsoft.com/office/drawing/2014/main" id="{45C454B4-962A-295D-3F57-7385C1ABBBBB}"/>
              </a:ext>
            </a:extLst>
          </p:cNvPr>
          <p:cNvSpPr/>
          <p:nvPr/>
        </p:nvSpPr>
        <p:spPr>
          <a:xfrm>
            <a:off x="245501" y="6437452"/>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solidFill>
                  <a:srgbClr val="FFFFFF"/>
                </a:solidFill>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1026" name="Picture 2" descr="Image result for scratch logo">
            <a:extLst>
              <a:ext uri="{FF2B5EF4-FFF2-40B4-BE49-F238E27FC236}">
                <a16:creationId xmlns:a16="http://schemas.microsoft.com/office/drawing/2014/main" id="{991627A1-2F76-4334-575A-4C7B833AE0B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215429" y="3702551"/>
            <a:ext cx="4736306" cy="1663898"/>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9">
            <a:extLst>
              <a:ext uri="{FF2B5EF4-FFF2-40B4-BE49-F238E27FC236}">
                <a16:creationId xmlns:a16="http://schemas.microsoft.com/office/drawing/2014/main" id="{60CE0AC3-2DDB-484D-A672-F9160391955C}"/>
              </a:ext>
            </a:extLst>
          </p:cNvPr>
          <p:cNvSpPr txBox="1"/>
          <p:nvPr/>
        </p:nvSpPr>
        <p:spPr bwMode="auto">
          <a:xfrm>
            <a:off x="4953000" y="5652275"/>
            <a:ext cx="3381989" cy="213525"/>
          </a:xfrm>
          <a:prstGeom prst="rect">
            <a:avLst/>
          </a:prstGeom>
          <a:noFill/>
          <a:ln w="12700">
            <a:noFill/>
            <a:miter lim="800000"/>
            <a:headEnd/>
            <a:tailEnd/>
          </a:ln>
        </p:spPr>
        <p:txBody>
          <a:bodyPr vert="horz" wrap="square" lIns="58500" tIns="29250" rIns="59436" bIns="29718" numCol="1" rtlCol="0" anchor="t" anchorCtr="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Clr>
                <a:schemeClr val="tx1"/>
              </a:buClr>
            </a:pPr>
            <a:r>
              <a:rPr lang="en-IE" sz="975"/>
              <a:t>Visual Assets:   </a:t>
            </a:r>
            <a:r>
              <a:rPr lang="en-US" sz="975">
                <a:hlinkClick r:id="rId9">
                  <a:extLst>
                    <a:ext uri="{A12FA001-AC4F-418D-AE19-62706E023703}">
                      <ahyp:hlinkClr xmlns:ahyp="http://schemas.microsoft.com/office/drawing/2018/hyperlinkcolor" val="tx"/>
                    </a:ext>
                  </a:extLst>
                </a:hlinkClick>
              </a:rPr>
              <a:t>https://scratch.mit.edu/</a:t>
            </a:r>
            <a:endParaRPr lang="en-US" sz="975"/>
          </a:p>
          <a:p>
            <a:pPr>
              <a:buClr>
                <a:schemeClr val="tx1"/>
              </a:buClr>
            </a:pPr>
            <a:endParaRPr lang="en-US" sz="975">
              <a:solidFill>
                <a:schemeClr val="bg1"/>
              </a:solidFill>
            </a:endParaRPr>
          </a:p>
        </p:txBody>
      </p:sp>
    </p:spTree>
    <p:custDataLst>
      <p:tags r:id="rId1"/>
    </p:custDataLst>
    <p:extLst>
      <p:ext uri="{BB962C8B-B14F-4D97-AF65-F5344CB8AC3E}">
        <p14:creationId xmlns:p14="http://schemas.microsoft.com/office/powerpoint/2010/main" val="48919050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2ADD62E-2C7F-A109-67B1-139100EB9957}"/>
            </a:ext>
          </a:extLst>
        </p:cNvPr>
        <p:cNvGrpSpPr/>
        <p:nvPr/>
      </p:nvGrpSpPr>
      <p:grpSpPr>
        <a:xfrm>
          <a:off x="0" y="0"/>
          <a:ext cx="0" cy="0"/>
          <a:chOff x="0" y="0"/>
          <a:chExt cx="0" cy="0"/>
        </a:xfrm>
      </p:grpSpPr>
      <p:pic>
        <p:nvPicPr>
          <p:cNvPr id="1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5562AC85-A611-B379-7314-BCCA77E021A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266356" y="342519"/>
            <a:ext cx="391811" cy="391982"/>
          </a:xfrm>
          <a:prstGeom prst="rect">
            <a:avLst/>
          </a:prstGeom>
        </p:spPr>
      </p:pic>
      <p:sp>
        <p:nvSpPr>
          <p:cNvPr id="15" name="Rectangle 14">
            <a:extLst>
              <a:ext uri="{FF2B5EF4-FFF2-40B4-BE49-F238E27FC236}">
                <a16:creationId xmlns:a16="http://schemas.microsoft.com/office/drawing/2014/main" id="{B729B890-AF43-2512-26FE-23CFDCF4B947}"/>
              </a:ext>
            </a:extLst>
          </p:cNvPr>
          <p:cNvSpPr/>
          <p:nvPr/>
        </p:nvSpPr>
        <p:spPr>
          <a:xfrm>
            <a:off x="232505" y="639517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6" name="Title 1">
            <a:extLst>
              <a:ext uri="{FF2B5EF4-FFF2-40B4-BE49-F238E27FC236}">
                <a16:creationId xmlns:a16="http://schemas.microsoft.com/office/drawing/2014/main" id="{F85FB12F-DDC3-FBE9-B450-A25040197FFA}"/>
              </a:ext>
            </a:extLst>
          </p:cNvPr>
          <p:cNvSpPr txBox="1">
            <a:spLocks/>
          </p:cNvSpPr>
          <p:nvPr/>
        </p:nvSpPr>
        <p:spPr>
          <a:xfrm>
            <a:off x="798413" y="0"/>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3</a:t>
            </a:r>
          </a:p>
        </p:txBody>
      </p:sp>
      <p:pic>
        <p:nvPicPr>
          <p:cNvPr id="2" name="Graphic 1" descr="Shamrock with solid fill">
            <a:extLst>
              <a:ext uri="{FF2B5EF4-FFF2-40B4-BE49-F238E27FC236}">
                <a16:creationId xmlns:a16="http://schemas.microsoft.com/office/drawing/2014/main" id="{69A6B04A-7A85-E1D1-5F07-9844FD5B5350}"/>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070427" y="162343"/>
            <a:ext cx="914400" cy="914400"/>
          </a:xfrm>
          <a:prstGeom prst="rect">
            <a:avLst/>
          </a:prstGeom>
        </p:spPr>
      </p:pic>
      <p:sp>
        <p:nvSpPr>
          <p:cNvPr id="10" name="TextBox 9">
            <a:extLst>
              <a:ext uri="{FF2B5EF4-FFF2-40B4-BE49-F238E27FC236}">
                <a16:creationId xmlns:a16="http://schemas.microsoft.com/office/drawing/2014/main" id="{36E29FF0-7D55-7645-8C94-BED8C08CF105}"/>
              </a:ext>
            </a:extLst>
          </p:cNvPr>
          <p:cNvSpPr txBox="1"/>
          <p:nvPr/>
        </p:nvSpPr>
        <p:spPr>
          <a:xfrm>
            <a:off x="228136" y="5287174"/>
            <a:ext cx="1420368" cy="738664"/>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1.Draw a circle “Coin” with the circle Icon</a:t>
            </a:r>
          </a:p>
        </p:txBody>
      </p:sp>
      <p:sp>
        <p:nvSpPr>
          <p:cNvPr id="12" name="TextBox 11">
            <a:extLst>
              <a:ext uri="{FF2B5EF4-FFF2-40B4-BE49-F238E27FC236}">
                <a16:creationId xmlns:a16="http://schemas.microsoft.com/office/drawing/2014/main" id="{258567AB-0DAA-0203-9E78-BE8887E843BE}"/>
              </a:ext>
            </a:extLst>
          </p:cNvPr>
          <p:cNvSpPr txBox="1"/>
          <p:nvPr/>
        </p:nvSpPr>
        <p:spPr>
          <a:xfrm>
            <a:off x="228136" y="4447568"/>
            <a:ext cx="1412531" cy="738664"/>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2.Fill the Coin gold with the bucket icon</a:t>
            </a:r>
          </a:p>
        </p:txBody>
      </p:sp>
      <p:sp>
        <p:nvSpPr>
          <p:cNvPr id="13" name="TextBox 12">
            <a:extLst>
              <a:ext uri="{FF2B5EF4-FFF2-40B4-BE49-F238E27FC236}">
                <a16:creationId xmlns:a16="http://schemas.microsoft.com/office/drawing/2014/main" id="{ED9ECCBD-0C53-0DF3-4CDC-011E3713B255}"/>
              </a:ext>
            </a:extLst>
          </p:cNvPr>
          <p:cNvSpPr txBox="1"/>
          <p:nvPr/>
        </p:nvSpPr>
        <p:spPr>
          <a:xfrm>
            <a:off x="243811" y="3158913"/>
            <a:ext cx="1392722" cy="1169551"/>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3.Draw a Shamrock with the paintbrush Icon and fill the centre green.</a:t>
            </a:r>
          </a:p>
        </p:txBody>
      </p:sp>
      <p:cxnSp>
        <p:nvCxnSpPr>
          <p:cNvPr id="22" name="Straight Arrow Connector 21">
            <a:extLst>
              <a:ext uri="{FF2B5EF4-FFF2-40B4-BE49-F238E27FC236}">
                <a16:creationId xmlns:a16="http://schemas.microsoft.com/office/drawing/2014/main" id="{CE967C01-D966-C2F0-398F-99F3A0CC7A24}"/>
              </a:ext>
            </a:extLst>
          </p:cNvPr>
          <p:cNvCxnSpPr>
            <a:cxnSpLocks/>
          </p:cNvCxnSpPr>
          <p:nvPr/>
        </p:nvCxnSpPr>
        <p:spPr>
          <a:xfrm flipH="1">
            <a:off x="2845225" y="1894319"/>
            <a:ext cx="1397591" cy="9400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20" name="Picture 19">
            <a:extLst>
              <a:ext uri="{FF2B5EF4-FFF2-40B4-BE49-F238E27FC236}">
                <a16:creationId xmlns:a16="http://schemas.microsoft.com/office/drawing/2014/main" id="{3DA282AE-9F52-BA50-EF17-CBF0268DAC0F}"/>
              </a:ext>
            </a:extLst>
          </p:cNvPr>
          <p:cNvPicPr>
            <a:picLocks noChangeAspect="1"/>
          </p:cNvPicPr>
          <p:nvPr/>
        </p:nvPicPr>
        <p:blipFill>
          <a:blip r:embed="rId6"/>
          <a:stretch>
            <a:fillRect/>
          </a:stretch>
        </p:blipFill>
        <p:spPr>
          <a:xfrm>
            <a:off x="1866502" y="1345121"/>
            <a:ext cx="3719342" cy="4901689"/>
          </a:xfrm>
          <a:prstGeom prst="rect">
            <a:avLst/>
          </a:prstGeom>
        </p:spPr>
      </p:pic>
      <p:sp>
        <p:nvSpPr>
          <p:cNvPr id="21" name="TextBox 20">
            <a:extLst>
              <a:ext uri="{FF2B5EF4-FFF2-40B4-BE49-F238E27FC236}">
                <a16:creationId xmlns:a16="http://schemas.microsoft.com/office/drawing/2014/main" id="{3A4E98CC-021F-0020-C180-1C8CE6E23EF5}"/>
              </a:ext>
            </a:extLst>
          </p:cNvPr>
          <p:cNvSpPr txBox="1"/>
          <p:nvPr/>
        </p:nvSpPr>
        <p:spPr>
          <a:xfrm>
            <a:off x="172154" y="811127"/>
            <a:ext cx="1392722" cy="954107"/>
          </a:xfrm>
          <a:prstGeom prst="rect">
            <a:avLst/>
          </a:prstGeom>
          <a:solidFill>
            <a:schemeClr val="bg1">
              <a:lumMod val="95000"/>
            </a:schemeClr>
          </a:solidFill>
        </p:spPr>
        <p:txBody>
          <a:bodyPr wrap="square" rtlCol="0">
            <a:spAutoFit/>
          </a:bodyPr>
          <a:lstStyle/>
          <a:p>
            <a:r>
              <a:rPr lang="en-IE" sz="1400" b="1">
                <a:solidFill>
                  <a:srgbClr val="00B050"/>
                </a:solidFill>
                <a:latin typeface="Ericsson Hilda Light" panose="00000400000000000000" pitchFamily="2" charset="0"/>
              </a:rPr>
              <a:t>TIP: </a:t>
            </a:r>
            <a:r>
              <a:rPr lang="en-IE" sz="1400">
                <a:latin typeface="Ericsson Hilda Light" panose="00000400000000000000" pitchFamily="2" charset="0"/>
              </a:rPr>
              <a:t>Use the “Fill” section to change the </a:t>
            </a:r>
            <a:r>
              <a:rPr lang="en-IE" sz="1400" err="1">
                <a:latin typeface="Ericsson Hilda Light" panose="00000400000000000000" pitchFamily="2" charset="0"/>
              </a:rPr>
              <a:t>color</a:t>
            </a:r>
            <a:r>
              <a:rPr lang="en-IE" sz="1400">
                <a:latin typeface="Ericsson Hilda Light" panose="00000400000000000000" pitchFamily="2" charset="0"/>
              </a:rPr>
              <a:t>!</a:t>
            </a:r>
          </a:p>
        </p:txBody>
      </p:sp>
      <p:cxnSp>
        <p:nvCxnSpPr>
          <p:cNvPr id="19" name="Straight Arrow Connector 18">
            <a:extLst>
              <a:ext uri="{FF2B5EF4-FFF2-40B4-BE49-F238E27FC236}">
                <a16:creationId xmlns:a16="http://schemas.microsoft.com/office/drawing/2014/main" id="{6104EA57-D2F2-CF7A-755A-7BD5B0F47ED3}"/>
              </a:ext>
            </a:extLst>
          </p:cNvPr>
          <p:cNvCxnSpPr>
            <a:cxnSpLocks/>
          </p:cNvCxnSpPr>
          <p:nvPr/>
        </p:nvCxnSpPr>
        <p:spPr>
          <a:xfrm flipV="1">
            <a:off x="1544640" y="2111713"/>
            <a:ext cx="1116264" cy="1317287"/>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08446459-2309-6842-C35A-3B3A3E14C2F2}"/>
              </a:ext>
            </a:extLst>
          </p:cNvPr>
          <p:cNvCxnSpPr>
            <a:cxnSpLocks/>
            <a:stCxn id="13" idx="3"/>
          </p:cNvCxnSpPr>
          <p:nvPr/>
        </p:nvCxnSpPr>
        <p:spPr>
          <a:xfrm flipV="1">
            <a:off x="1636533" y="3663758"/>
            <a:ext cx="977358" cy="79931"/>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07C0973A-4E6B-5166-607B-8B41A76F9675}"/>
              </a:ext>
            </a:extLst>
          </p:cNvPr>
          <p:cNvCxnSpPr>
            <a:cxnSpLocks/>
            <a:stCxn id="12" idx="3"/>
          </p:cNvCxnSpPr>
          <p:nvPr/>
        </p:nvCxnSpPr>
        <p:spPr>
          <a:xfrm flipV="1">
            <a:off x="1640667" y="4408824"/>
            <a:ext cx="1020237" cy="408076"/>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DC94BF80-791D-79DF-6BD4-1863322F1A57}"/>
              </a:ext>
            </a:extLst>
          </p:cNvPr>
          <p:cNvCxnSpPr>
            <a:cxnSpLocks/>
            <a:stCxn id="10" idx="3"/>
          </p:cNvCxnSpPr>
          <p:nvPr/>
        </p:nvCxnSpPr>
        <p:spPr>
          <a:xfrm flipV="1">
            <a:off x="1648504" y="5477164"/>
            <a:ext cx="1012400" cy="179342"/>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35" name="Rectangle 34">
            <a:extLst>
              <a:ext uri="{FF2B5EF4-FFF2-40B4-BE49-F238E27FC236}">
                <a16:creationId xmlns:a16="http://schemas.microsoft.com/office/drawing/2014/main" id="{BB9CE9DE-9ADB-3DB7-98EB-0FF38A21176F}"/>
              </a:ext>
            </a:extLst>
          </p:cNvPr>
          <p:cNvSpPr>
            <a:spLocks/>
          </p:cNvSpPr>
          <p:nvPr/>
        </p:nvSpPr>
        <p:spPr>
          <a:xfrm>
            <a:off x="1866502" y="1002720"/>
            <a:ext cx="3708174"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reate your own Sprite!</a:t>
            </a:r>
          </a:p>
        </p:txBody>
      </p:sp>
      <p:sp>
        <p:nvSpPr>
          <p:cNvPr id="39" name="Rectangle 38">
            <a:extLst>
              <a:ext uri="{FF2B5EF4-FFF2-40B4-BE49-F238E27FC236}">
                <a16:creationId xmlns:a16="http://schemas.microsoft.com/office/drawing/2014/main" id="{99E814FE-F643-2844-AC9A-D91B1844F286}"/>
              </a:ext>
            </a:extLst>
          </p:cNvPr>
          <p:cNvSpPr>
            <a:spLocks/>
          </p:cNvSpPr>
          <p:nvPr/>
        </p:nvSpPr>
        <p:spPr>
          <a:xfrm>
            <a:off x="6185412" y="1002721"/>
            <a:ext cx="3062555"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reate a Variable</a:t>
            </a:r>
          </a:p>
        </p:txBody>
      </p:sp>
      <p:pic>
        <p:nvPicPr>
          <p:cNvPr id="45" name="Picture 44">
            <a:extLst>
              <a:ext uri="{FF2B5EF4-FFF2-40B4-BE49-F238E27FC236}">
                <a16:creationId xmlns:a16="http://schemas.microsoft.com/office/drawing/2014/main" id="{64CF7C63-D150-CDF2-F977-757DCFAF0683}"/>
              </a:ext>
            </a:extLst>
          </p:cNvPr>
          <p:cNvPicPr>
            <a:picLocks noChangeAspect="1"/>
          </p:cNvPicPr>
          <p:nvPr/>
        </p:nvPicPr>
        <p:blipFill>
          <a:blip r:embed="rId7"/>
          <a:stretch>
            <a:fillRect/>
          </a:stretch>
        </p:blipFill>
        <p:spPr>
          <a:xfrm>
            <a:off x="6188035" y="4450846"/>
            <a:ext cx="3057607" cy="1864578"/>
          </a:xfrm>
          <a:prstGeom prst="rect">
            <a:avLst/>
          </a:prstGeom>
        </p:spPr>
      </p:pic>
      <p:sp>
        <p:nvSpPr>
          <p:cNvPr id="46" name="TextBox 45">
            <a:extLst>
              <a:ext uri="{FF2B5EF4-FFF2-40B4-BE49-F238E27FC236}">
                <a16:creationId xmlns:a16="http://schemas.microsoft.com/office/drawing/2014/main" id="{DA055C4B-B766-5419-43F1-5EE8A14C4283}"/>
              </a:ext>
            </a:extLst>
          </p:cNvPr>
          <p:cNvSpPr txBox="1"/>
          <p:nvPr/>
        </p:nvSpPr>
        <p:spPr>
          <a:xfrm>
            <a:off x="6185413" y="3955125"/>
            <a:ext cx="3060229" cy="492443"/>
          </a:xfrm>
          <a:prstGeom prst="rect">
            <a:avLst/>
          </a:prstGeom>
          <a:solidFill>
            <a:schemeClr val="bg1">
              <a:lumMod val="95000"/>
            </a:schemeClr>
          </a:solidFill>
        </p:spPr>
        <p:txBody>
          <a:bodyPr wrap="square" rtlCol="0">
            <a:spAutoFit/>
          </a:bodyPr>
          <a:lstStyle/>
          <a:p>
            <a:r>
              <a:rPr lang="en-IE" sz="1300">
                <a:latin typeface="Ericsson Hilda Light" panose="00000400000000000000" pitchFamily="2" charset="0"/>
              </a:rPr>
              <a:t>Once you have this selected, select “Make a Variable” and name this “Score”</a:t>
            </a:r>
          </a:p>
        </p:txBody>
      </p:sp>
      <p:sp>
        <p:nvSpPr>
          <p:cNvPr id="47" name="TextBox 46">
            <a:extLst>
              <a:ext uri="{FF2B5EF4-FFF2-40B4-BE49-F238E27FC236}">
                <a16:creationId xmlns:a16="http://schemas.microsoft.com/office/drawing/2014/main" id="{5C0F2A56-12C3-F182-1C48-925C712C81FC}"/>
              </a:ext>
            </a:extLst>
          </p:cNvPr>
          <p:cNvSpPr txBox="1"/>
          <p:nvPr/>
        </p:nvSpPr>
        <p:spPr>
          <a:xfrm>
            <a:off x="6185413" y="1336930"/>
            <a:ext cx="3062555" cy="492443"/>
          </a:xfrm>
          <a:prstGeom prst="rect">
            <a:avLst/>
          </a:prstGeom>
          <a:solidFill>
            <a:schemeClr val="bg1">
              <a:lumMod val="95000"/>
            </a:schemeClr>
          </a:solidFill>
        </p:spPr>
        <p:txBody>
          <a:bodyPr wrap="square" rtlCol="0">
            <a:spAutoFit/>
          </a:bodyPr>
          <a:lstStyle/>
          <a:p>
            <a:r>
              <a:rPr lang="en-IE" sz="1300">
                <a:latin typeface="Ericsson Hilda Light" panose="00000400000000000000" pitchFamily="2" charset="0"/>
              </a:rPr>
              <a:t>Before we begin, Select Variable in the code menu and we will create a Variable.</a:t>
            </a:r>
          </a:p>
        </p:txBody>
      </p:sp>
      <p:pic>
        <p:nvPicPr>
          <p:cNvPr id="51" name="Picture 50">
            <a:extLst>
              <a:ext uri="{FF2B5EF4-FFF2-40B4-BE49-F238E27FC236}">
                <a16:creationId xmlns:a16="http://schemas.microsoft.com/office/drawing/2014/main" id="{2C2A96B6-ABBF-5DEF-B96E-60609CE15400}"/>
              </a:ext>
            </a:extLst>
          </p:cNvPr>
          <p:cNvPicPr>
            <a:picLocks noChangeAspect="1"/>
          </p:cNvPicPr>
          <p:nvPr/>
        </p:nvPicPr>
        <p:blipFill>
          <a:blip r:embed="rId8"/>
          <a:stretch>
            <a:fillRect/>
          </a:stretch>
        </p:blipFill>
        <p:spPr>
          <a:xfrm>
            <a:off x="6187739" y="1765234"/>
            <a:ext cx="3060229" cy="2189270"/>
          </a:xfrm>
          <a:prstGeom prst="rect">
            <a:avLst/>
          </a:prstGeom>
        </p:spPr>
      </p:pic>
    </p:spTree>
    <p:custDataLst>
      <p:tags r:id="rId1"/>
    </p:custDataLst>
    <p:extLst>
      <p:ext uri="{BB962C8B-B14F-4D97-AF65-F5344CB8AC3E}">
        <p14:creationId xmlns:p14="http://schemas.microsoft.com/office/powerpoint/2010/main" val="329177042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79A9C59-E6F0-B73C-3470-A34D44398FA5}"/>
            </a:ext>
          </a:extLst>
        </p:cNvPr>
        <p:cNvGrpSpPr/>
        <p:nvPr/>
      </p:nvGrpSpPr>
      <p:grpSpPr>
        <a:xfrm>
          <a:off x="0" y="0"/>
          <a:ext cx="0" cy="0"/>
          <a:chOff x="0" y="0"/>
          <a:chExt cx="0" cy="0"/>
        </a:xfrm>
      </p:grpSpPr>
      <p:pic>
        <p:nvPicPr>
          <p:cNvPr id="1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C7051EFD-14D8-076A-AA3E-B24A9EE78A0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266356" y="342519"/>
            <a:ext cx="391811" cy="391982"/>
          </a:xfrm>
          <a:prstGeom prst="rect">
            <a:avLst/>
          </a:prstGeom>
        </p:spPr>
      </p:pic>
      <p:sp>
        <p:nvSpPr>
          <p:cNvPr id="15" name="Rectangle 14">
            <a:extLst>
              <a:ext uri="{FF2B5EF4-FFF2-40B4-BE49-F238E27FC236}">
                <a16:creationId xmlns:a16="http://schemas.microsoft.com/office/drawing/2014/main" id="{957C1C86-F7EE-51E3-EA80-D2416E5262BD}"/>
              </a:ext>
            </a:extLst>
          </p:cNvPr>
          <p:cNvSpPr/>
          <p:nvPr/>
        </p:nvSpPr>
        <p:spPr>
          <a:xfrm>
            <a:off x="232505" y="639517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6" name="Title 1">
            <a:extLst>
              <a:ext uri="{FF2B5EF4-FFF2-40B4-BE49-F238E27FC236}">
                <a16:creationId xmlns:a16="http://schemas.microsoft.com/office/drawing/2014/main" id="{A9D8446C-8B2A-06C4-639F-73D04CFF4149}"/>
              </a:ext>
            </a:extLst>
          </p:cNvPr>
          <p:cNvSpPr txBox="1">
            <a:spLocks/>
          </p:cNvSpPr>
          <p:nvPr/>
        </p:nvSpPr>
        <p:spPr>
          <a:xfrm>
            <a:off x="798413" y="0"/>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3</a:t>
            </a:r>
          </a:p>
        </p:txBody>
      </p:sp>
      <p:pic>
        <p:nvPicPr>
          <p:cNvPr id="2" name="Graphic 1" descr="Shamrock with solid fill">
            <a:extLst>
              <a:ext uri="{FF2B5EF4-FFF2-40B4-BE49-F238E27FC236}">
                <a16:creationId xmlns:a16="http://schemas.microsoft.com/office/drawing/2014/main" id="{165FA69F-0758-9947-E6AC-EED9208D7897}"/>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070427" y="162343"/>
            <a:ext cx="914400" cy="914400"/>
          </a:xfrm>
          <a:prstGeom prst="rect">
            <a:avLst/>
          </a:prstGeom>
        </p:spPr>
      </p:pic>
      <p:pic>
        <p:nvPicPr>
          <p:cNvPr id="3" name="Picture 2">
            <a:extLst>
              <a:ext uri="{FF2B5EF4-FFF2-40B4-BE49-F238E27FC236}">
                <a16:creationId xmlns:a16="http://schemas.microsoft.com/office/drawing/2014/main" id="{13FB2CD6-011F-8026-0F13-1E7EDB062C39}"/>
              </a:ext>
            </a:extLst>
          </p:cNvPr>
          <p:cNvPicPr>
            <a:picLocks noChangeAspect="1"/>
          </p:cNvPicPr>
          <p:nvPr/>
        </p:nvPicPr>
        <p:blipFill>
          <a:blip r:embed="rId6"/>
          <a:stretch>
            <a:fillRect/>
          </a:stretch>
        </p:blipFill>
        <p:spPr>
          <a:xfrm>
            <a:off x="368700" y="1358776"/>
            <a:ext cx="3210373" cy="1021719"/>
          </a:xfrm>
          <a:prstGeom prst="rect">
            <a:avLst/>
          </a:prstGeom>
        </p:spPr>
      </p:pic>
      <p:pic>
        <p:nvPicPr>
          <p:cNvPr id="4" name="Picture 3">
            <a:extLst>
              <a:ext uri="{FF2B5EF4-FFF2-40B4-BE49-F238E27FC236}">
                <a16:creationId xmlns:a16="http://schemas.microsoft.com/office/drawing/2014/main" id="{EDECEDE2-BE15-2BAD-CDAF-AB48A1F911F8}"/>
              </a:ext>
            </a:extLst>
          </p:cNvPr>
          <p:cNvPicPr>
            <a:picLocks noChangeAspect="1"/>
          </p:cNvPicPr>
          <p:nvPr/>
        </p:nvPicPr>
        <p:blipFill>
          <a:blip r:embed="rId7"/>
          <a:stretch>
            <a:fillRect/>
          </a:stretch>
        </p:blipFill>
        <p:spPr>
          <a:xfrm>
            <a:off x="364166" y="2828962"/>
            <a:ext cx="3159306" cy="2943685"/>
          </a:xfrm>
          <a:prstGeom prst="rect">
            <a:avLst/>
          </a:prstGeom>
        </p:spPr>
      </p:pic>
      <p:sp>
        <p:nvSpPr>
          <p:cNvPr id="5" name="Rectangle 4">
            <a:extLst>
              <a:ext uri="{FF2B5EF4-FFF2-40B4-BE49-F238E27FC236}">
                <a16:creationId xmlns:a16="http://schemas.microsoft.com/office/drawing/2014/main" id="{9DD14BF6-DB76-A877-EE34-2D791FFBB3D8}"/>
              </a:ext>
            </a:extLst>
          </p:cNvPr>
          <p:cNvSpPr>
            <a:spLocks/>
          </p:cNvSpPr>
          <p:nvPr/>
        </p:nvSpPr>
        <p:spPr>
          <a:xfrm>
            <a:off x="368699" y="949810"/>
            <a:ext cx="5073101"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Bowl-Code</a:t>
            </a:r>
          </a:p>
        </p:txBody>
      </p:sp>
      <p:sp>
        <p:nvSpPr>
          <p:cNvPr id="7" name="TextBox 6">
            <a:extLst>
              <a:ext uri="{FF2B5EF4-FFF2-40B4-BE49-F238E27FC236}">
                <a16:creationId xmlns:a16="http://schemas.microsoft.com/office/drawing/2014/main" id="{75378156-9544-F697-4DF1-F145158602CB}"/>
              </a:ext>
            </a:extLst>
          </p:cNvPr>
          <p:cNvSpPr txBox="1"/>
          <p:nvPr/>
        </p:nvSpPr>
        <p:spPr>
          <a:xfrm>
            <a:off x="3639127" y="1309325"/>
            <a:ext cx="1802673" cy="584775"/>
          </a:xfrm>
          <a:prstGeom prst="rect">
            <a:avLst/>
          </a:prstGeom>
          <a:solidFill>
            <a:schemeClr val="bg1">
              <a:lumMod val="95000"/>
            </a:schemeClr>
          </a:solidFill>
        </p:spPr>
        <p:txBody>
          <a:bodyPr wrap="square" rtlCol="0">
            <a:spAutoFit/>
          </a:bodyPr>
          <a:lstStyle/>
          <a:p>
            <a:r>
              <a:rPr lang="en-IE" sz="1600">
                <a:latin typeface="Ericsson Hilda Light" panose="00000400000000000000" pitchFamily="2" charset="0"/>
              </a:rPr>
              <a:t>Select the Bowl Sprite</a:t>
            </a:r>
          </a:p>
        </p:txBody>
      </p:sp>
      <p:sp>
        <p:nvSpPr>
          <p:cNvPr id="8" name="TextBox 7">
            <a:extLst>
              <a:ext uri="{FF2B5EF4-FFF2-40B4-BE49-F238E27FC236}">
                <a16:creationId xmlns:a16="http://schemas.microsoft.com/office/drawing/2014/main" id="{3A638F96-C186-BB7C-730C-CA1248BFC9B4}"/>
              </a:ext>
            </a:extLst>
          </p:cNvPr>
          <p:cNvSpPr txBox="1"/>
          <p:nvPr/>
        </p:nvSpPr>
        <p:spPr>
          <a:xfrm>
            <a:off x="3521513" y="2850102"/>
            <a:ext cx="1920288" cy="2292935"/>
          </a:xfrm>
          <a:prstGeom prst="rect">
            <a:avLst/>
          </a:prstGeom>
          <a:solidFill>
            <a:schemeClr val="bg1">
              <a:lumMod val="95000"/>
            </a:schemeClr>
          </a:solidFill>
        </p:spPr>
        <p:txBody>
          <a:bodyPr wrap="square" rtlCol="0">
            <a:spAutoFit/>
          </a:bodyPr>
          <a:lstStyle/>
          <a:p>
            <a:r>
              <a:rPr lang="en-IE" sz="1300" b="1">
                <a:solidFill>
                  <a:srgbClr val="F0C63E"/>
                </a:solidFill>
                <a:latin typeface="Ericsson Hilda Light" panose="00000400000000000000" pitchFamily="2" charset="0"/>
              </a:rPr>
              <a:t>Events-</a:t>
            </a:r>
            <a:r>
              <a:rPr lang="en-IE" sz="1300">
                <a:latin typeface="Ericsson Hilda Light" panose="00000400000000000000" pitchFamily="2" charset="0"/>
              </a:rPr>
              <a:t>When Green Flag Clicked</a:t>
            </a:r>
          </a:p>
          <a:p>
            <a:r>
              <a:rPr lang="en-IE" sz="1300" b="1">
                <a:solidFill>
                  <a:srgbClr val="D8A030"/>
                </a:solidFill>
                <a:latin typeface="Ericsson Hilda Light" panose="00000400000000000000" pitchFamily="2" charset="0"/>
              </a:rPr>
              <a:t>Control-</a:t>
            </a:r>
            <a:r>
              <a:rPr lang="en-IE" sz="1300">
                <a:latin typeface="Ericsson Hilda Light" panose="00000400000000000000" pitchFamily="2" charset="0"/>
              </a:rPr>
              <a:t>Forever</a:t>
            </a:r>
          </a:p>
          <a:p>
            <a:r>
              <a:rPr lang="en-IE" sz="1300" b="1">
                <a:solidFill>
                  <a:srgbClr val="D8A030"/>
                </a:solidFill>
                <a:latin typeface="Ericsson Hilda Light" panose="00000400000000000000" pitchFamily="2" charset="0"/>
              </a:rPr>
              <a:t>Control-</a:t>
            </a:r>
            <a:r>
              <a:rPr lang="en-IE" sz="1300">
                <a:latin typeface="Ericsson Hilda Light" panose="00000400000000000000" pitchFamily="2" charset="0"/>
              </a:rPr>
              <a:t>If, then</a:t>
            </a:r>
          </a:p>
          <a:p>
            <a:r>
              <a:rPr lang="en-IE" sz="1300" b="1">
                <a:solidFill>
                  <a:srgbClr val="00B0F0"/>
                </a:solidFill>
                <a:latin typeface="Ericsson Hilda Light" panose="00000400000000000000" pitchFamily="2" charset="0"/>
              </a:rPr>
              <a:t>Sensing-</a:t>
            </a:r>
            <a:r>
              <a:rPr lang="en-IE" sz="1300">
                <a:latin typeface="Ericsson Hilda Light" panose="00000400000000000000" pitchFamily="2" charset="0"/>
              </a:rPr>
              <a:t>Key right arrow pressed?</a:t>
            </a:r>
          </a:p>
          <a:p>
            <a:r>
              <a:rPr lang="en-IE" sz="1300" b="1">
                <a:solidFill>
                  <a:schemeClr val="accent1"/>
                </a:solidFill>
                <a:latin typeface="Ericsson Hilda Light" panose="00000400000000000000" pitchFamily="2" charset="0"/>
              </a:rPr>
              <a:t>Motion-</a:t>
            </a:r>
            <a:r>
              <a:rPr lang="en-IE" sz="1300">
                <a:latin typeface="Ericsson Hilda Light" panose="00000400000000000000" pitchFamily="2" charset="0"/>
              </a:rPr>
              <a:t>Change x by</a:t>
            </a:r>
          </a:p>
          <a:p>
            <a:r>
              <a:rPr lang="en-IE" sz="1300" b="1">
                <a:solidFill>
                  <a:srgbClr val="D8A030"/>
                </a:solidFill>
                <a:latin typeface="Ericsson Hilda Light" panose="00000400000000000000" pitchFamily="2" charset="0"/>
              </a:rPr>
              <a:t>Control-</a:t>
            </a:r>
            <a:r>
              <a:rPr lang="en-IE" sz="1300" b="1">
                <a:latin typeface="Ericsson Hilda Light" panose="00000400000000000000" pitchFamily="2" charset="0"/>
              </a:rPr>
              <a:t>I</a:t>
            </a:r>
            <a:r>
              <a:rPr lang="en-IE" sz="1300">
                <a:latin typeface="Ericsson Hilda Light" panose="00000400000000000000" pitchFamily="2" charset="0"/>
              </a:rPr>
              <a:t>f, then</a:t>
            </a:r>
          </a:p>
          <a:p>
            <a:r>
              <a:rPr lang="en-IE" sz="1300" b="1">
                <a:solidFill>
                  <a:srgbClr val="00B0F0"/>
                </a:solidFill>
                <a:latin typeface="Ericsson Hilda Light" panose="00000400000000000000" pitchFamily="2" charset="0"/>
              </a:rPr>
              <a:t>Sensing-</a:t>
            </a:r>
            <a:r>
              <a:rPr lang="en-IE" sz="1300">
                <a:latin typeface="Ericsson Hilda Light" panose="00000400000000000000" pitchFamily="2" charset="0"/>
              </a:rPr>
              <a:t>Key left arrow pressed?</a:t>
            </a:r>
          </a:p>
          <a:p>
            <a:r>
              <a:rPr lang="en-IE" sz="1300" b="1">
                <a:solidFill>
                  <a:schemeClr val="accent1"/>
                </a:solidFill>
                <a:latin typeface="Ericsson Hilda Light" panose="00000400000000000000" pitchFamily="2" charset="0"/>
              </a:rPr>
              <a:t>Motion-</a:t>
            </a:r>
            <a:r>
              <a:rPr lang="en-IE" sz="1300">
                <a:latin typeface="Ericsson Hilda Light" panose="00000400000000000000" pitchFamily="2" charset="0"/>
              </a:rPr>
              <a:t>change x by </a:t>
            </a:r>
          </a:p>
        </p:txBody>
      </p:sp>
      <p:sp>
        <p:nvSpPr>
          <p:cNvPr id="9" name="Rectangle 8">
            <a:extLst>
              <a:ext uri="{FF2B5EF4-FFF2-40B4-BE49-F238E27FC236}">
                <a16:creationId xmlns:a16="http://schemas.microsoft.com/office/drawing/2014/main" id="{83A71553-C661-0999-A545-358003ACB067}"/>
              </a:ext>
            </a:extLst>
          </p:cNvPr>
          <p:cNvSpPr>
            <a:spLocks/>
          </p:cNvSpPr>
          <p:nvPr/>
        </p:nvSpPr>
        <p:spPr>
          <a:xfrm>
            <a:off x="368700" y="2486913"/>
            <a:ext cx="5076994"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Bowl-Code- Movement</a:t>
            </a:r>
          </a:p>
        </p:txBody>
      </p:sp>
      <p:pic>
        <p:nvPicPr>
          <p:cNvPr id="13" name="Picture 12">
            <a:extLst>
              <a:ext uri="{FF2B5EF4-FFF2-40B4-BE49-F238E27FC236}">
                <a16:creationId xmlns:a16="http://schemas.microsoft.com/office/drawing/2014/main" id="{E7E9C39E-3CF7-5680-621B-832AC2426048}"/>
              </a:ext>
            </a:extLst>
          </p:cNvPr>
          <p:cNvPicPr>
            <a:picLocks noChangeAspect="1"/>
          </p:cNvPicPr>
          <p:nvPr/>
        </p:nvPicPr>
        <p:blipFill>
          <a:blip r:embed="rId8"/>
          <a:stretch>
            <a:fillRect/>
          </a:stretch>
        </p:blipFill>
        <p:spPr>
          <a:xfrm>
            <a:off x="5929675" y="1310104"/>
            <a:ext cx="3395905" cy="3830397"/>
          </a:xfrm>
          <a:prstGeom prst="rect">
            <a:avLst/>
          </a:prstGeom>
        </p:spPr>
      </p:pic>
      <p:sp>
        <p:nvSpPr>
          <p:cNvPr id="16" name="TextBox 15">
            <a:extLst>
              <a:ext uri="{FF2B5EF4-FFF2-40B4-BE49-F238E27FC236}">
                <a16:creationId xmlns:a16="http://schemas.microsoft.com/office/drawing/2014/main" id="{D5B2E17D-115B-4186-318B-B4DF1F1B040A}"/>
              </a:ext>
            </a:extLst>
          </p:cNvPr>
          <p:cNvSpPr txBox="1"/>
          <p:nvPr/>
        </p:nvSpPr>
        <p:spPr>
          <a:xfrm>
            <a:off x="5946433" y="4701510"/>
            <a:ext cx="3395905" cy="1692771"/>
          </a:xfrm>
          <a:prstGeom prst="rect">
            <a:avLst/>
          </a:prstGeom>
          <a:solidFill>
            <a:schemeClr val="bg1">
              <a:lumMod val="95000"/>
            </a:schemeClr>
          </a:solidFill>
        </p:spPr>
        <p:txBody>
          <a:bodyPr wrap="square" rtlCol="0">
            <a:spAutoFit/>
          </a:bodyPr>
          <a:lstStyle/>
          <a:p>
            <a:r>
              <a:rPr lang="en-IE" sz="1300" b="1">
                <a:solidFill>
                  <a:srgbClr val="F0C63E"/>
                </a:solidFill>
                <a:latin typeface="Ericsson Hilda Light" panose="00000400000000000000" pitchFamily="2" charset="0"/>
              </a:rPr>
              <a:t>Events-</a:t>
            </a:r>
            <a:r>
              <a:rPr lang="en-IE" sz="1300">
                <a:latin typeface="Ericsson Hilda Light" panose="00000400000000000000" pitchFamily="2" charset="0"/>
              </a:rPr>
              <a:t>When Green Flag Clicked</a:t>
            </a:r>
          </a:p>
          <a:p>
            <a:r>
              <a:rPr lang="en-IE" sz="1300" b="1">
                <a:solidFill>
                  <a:srgbClr val="D8A030"/>
                </a:solidFill>
                <a:latin typeface="Ericsson Hilda Light" panose="00000400000000000000" pitchFamily="2" charset="0"/>
              </a:rPr>
              <a:t>Control-</a:t>
            </a:r>
            <a:r>
              <a:rPr lang="en-IE" sz="1300">
                <a:latin typeface="Ericsson Hilda Light" panose="00000400000000000000" pitchFamily="2" charset="0"/>
              </a:rPr>
              <a:t>Forever</a:t>
            </a:r>
          </a:p>
          <a:p>
            <a:r>
              <a:rPr lang="en-IE" sz="1300" b="1">
                <a:solidFill>
                  <a:srgbClr val="D8A030"/>
                </a:solidFill>
                <a:latin typeface="Ericsson Hilda Light" panose="00000400000000000000" pitchFamily="2" charset="0"/>
              </a:rPr>
              <a:t>Control-</a:t>
            </a:r>
            <a:r>
              <a:rPr lang="en-IE" sz="1300">
                <a:latin typeface="Ericsson Hilda Light" panose="00000400000000000000" pitchFamily="2" charset="0"/>
              </a:rPr>
              <a:t>If, then</a:t>
            </a:r>
          </a:p>
          <a:p>
            <a:r>
              <a:rPr lang="en-IE" sz="1300" b="1">
                <a:solidFill>
                  <a:srgbClr val="00B050"/>
                </a:solidFill>
                <a:latin typeface="Ericsson Hilda Light" panose="00000400000000000000" pitchFamily="2" charset="0"/>
              </a:rPr>
              <a:t>Operators-</a:t>
            </a:r>
            <a:r>
              <a:rPr lang="en-IE" sz="1300">
                <a:latin typeface="Ericsson Hilda Light" panose="00000400000000000000" pitchFamily="2" charset="0"/>
              </a:rPr>
              <a:t>0=0</a:t>
            </a:r>
          </a:p>
          <a:p>
            <a:r>
              <a:rPr lang="en-IE" sz="1300" b="1">
                <a:solidFill>
                  <a:schemeClr val="accent2"/>
                </a:solidFill>
                <a:latin typeface="Ericsson Hilda Light" panose="00000400000000000000" pitchFamily="2" charset="0"/>
              </a:rPr>
              <a:t>Variables</a:t>
            </a:r>
            <a:r>
              <a:rPr lang="en-IE" sz="1300">
                <a:latin typeface="Ericsson Hilda Light" panose="00000400000000000000" pitchFamily="2" charset="0"/>
              </a:rPr>
              <a:t>- “Score”</a:t>
            </a:r>
          </a:p>
          <a:p>
            <a:r>
              <a:rPr lang="en-IE" sz="1300" b="1">
                <a:solidFill>
                  <a:schemeClr val="accent2"/>
                </a:solidFill>
                <a:latin typeface="Ericsson Hilda Light" panose="00000400000000000000" pitchFamily="2" charset="0"/>
              </a:rPr>
              <a:t>Variables-</a:t>
            </a:r>
            <a:r>
              <a:rPr lang="en-IE" sz="1300">
                <a:latin typeface="Ericsson Hilda Light" panose="00000400000000000000" pitchFamily="2" charset="0"/>
              </a:rPr>
              <a:t>set “Score” to 0</a:t>
            </a:r>
          </a:p>
          <a:p>
            <a:r>
              <a:rPr lang="en-IE" sz="1300" b="1">
                <a:solidFill>
                  <a:srgbClr val="7030A0"/>
                </a:solidFill>
                <a:latin typeface="Ericsson Hilda Light" panose="00000400000000000000" pitchFamily="2" charset="0"/>
              </a:rPr>
              <a:t>Looks</a:t>
            </a:r>
            <a:r>
              <a:rPr lang="en-IE" sz="1300">
                <a:latin typeface="Ericsson Hilda Light" panose="00000400000000000000" pitchFamily="2" charset="0"/>
              </a:rPr>
              <a:t> -say “</a:t>
            </a:r>
            <a:r>
              <a:rPr lang="en-IE" sz="1300" err="1">
                <a:latin typeface="Ericsson Hilda Light" panose="00000400000000000000" pitchFamily="2" charset="0"/>
              </a:rPr>
              <a:t>Im</a:t>
            </a:r>
            <a:r>
              <a:rPr lang="en-IE" sz="1300">
                <a:latin typeface="Ericsson Hilda Light" panose="00000400000000000000" pitchFamily="2" charset="0"/>
              </a:rPr>
              <a:t> Full!” for 2 seconds</a:t>
            </a:r>
          </a:p>
          <a:p>
            <a:r>
              <a:rPr lang="en-IE" sz="1300" b="1">
                <a:solidFill>
                  <a:srgbClr val="F0C63E"/>
                </a:solidFill>
                <a:latin typeface="Ericsson Hilda Light" panose="00000400000000000000" pitchFamily="2" charset="0"/>
              </a:rPr>
              <a:t>Events-</a:t>
            </a:r>
            <a:r>
              <a:rPr lang="en-IE" sz="1300">
                <a:latin typeface="Ericsson Hilda Light" panose="00000400000000000000" pitchFamily="2" charset="0"/>
              </a:rPr>
              <a:t> stop all</a:t>
            </a:r>
          </a:p>
        </p:txBody>
      </p:sp>
      <p:sp>
        <p:nvSpPr>
          <p:cNvPr id="17" name="Rectangle 16">
            <a:extLst>
              <a:ext uri="{FF2B5EF4-FFF2-40B4-BE49-F238E27FC236}">
                <a16:creationId xmlns:a16="http://schemas.microsoft.com/office/drawing/2014/main" id="{7428163F-28B2-9CB8-1CEE-24A9CF4764CB}"/>
              </a:ext>
            </a:extLst>
          </p:cNvPr>
          <p:cNvSpPr>
            <a:spLocks/>
          </p:cNvSpPr>
          <p:nvPr/>
        </p:nvSpPr>
        <p:spPr>
          <a:xfrm>
            <a:off x="5929674" y="966924"/>
            <a:ext cx="3396400"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Bowl-Code</a:t>
            </a:r>
          </a:p>
        </p:txBody>
      </p:sp>
      <p:sp>
        <p:nvSpPr>
          <p:cNvPr id="18" name="TextBox 17">
            <a:extLst>
              <a:ext uri="{FF2B5EF4-FFF2-40B4-BE49-F238E27FC236}">
                <a16:creationId xmlns:a16="http://schemas.microsoft.com/office/drawing/2014/main" id="{4421B99E-5B1A-F07C-7FC4-10707049BDA8}"/>
              </a:ext>
            </a:extLst>
          </p:cNvPr>
          <p:cNvSpPr txBox="1"/>
          <p:nvPr/>
        </p:nvSpPr>
        <p:spPr>
          <a:xfrm>
            <a:off x="352513" y="5656062"/>
            <a:ext cx="5016361" cy="738664"/>
          </a:xfrm>
          <a:prstGeom prst="rect">
            <a:avLst/>
          </a:prstGeom>
          <a:solidFill>
            <a:schemeClr val="bg1">
              <a:lumMod val="95000"/>
            </a:schemeClr>
          </a:solidFill>
        </p:spPr>
        <p:txBody>
          <a:bodyPr wrap="square" rtlCol="0">
            <a:spAutoFit/>
          </a:bodyPr>
          <a:lstStyle/>
          <a:p>
            <a:r>
              <a:rPr lang="en-US" sz="1400">
                <a:latin typeface="Ericsson Hilda Light" panose="00000400000000000000" pitchFamily="2" charset="0"/>
              </a:rPr>
              <a:t>Tip: You can put smaller blocks inside bigger blocks — like boxes inside boxes. 📦 </a:t>
            </a:r>
            <a:r>
              <a:rPr lang="en-IE" sz="1400">
                <a:latin typeface="Ericsson Hilda Light" panose="00000400000000000000" pitchFamily="2" charset="0"/>
              </a:rPr>
              <a:t>Example</a:t>
            </a:r>
            <a:r>
              <a:rPr lang="en-IE" sz="1400">
                <a:solidFill>
                  <a:srgbClr val="D8A030"/>
                </a:solidFill>
                <a:latin typeface="Ericsson Hilda Light" panose="00000400000000000000" pitchFamily="2" charset="0"/>
              </a:rPr>
              <a:t>: </a:t>
            </a:r>
            <a:r>
              <a:rPr lang="en-IE" sz="1400" b="1" err="1">
                <a:solidFill>
                  <a:srgbClr val="D8A030"/>
                </a:solidFill>
                <a:latin typeface="Ericsson Hilda Light" panose="00000400000000000000" pitchFamily="2" charset="0"/>
              </a:rPr>
              <a:t>If,then</a:t>
            </a:r>
            <a:r>
              <a:rPr lang="en-IE" sz="1400" b="1">
                <a:solidFill>
                  <a:srgbClr val="D8A030"/>
                </a:solidFill>
                <a:latin typeface="Ericsson Hilda Light" panose="00000400000000000000" pitchFamily="2" charset="0"/>
              </a:rPr>
              <a:t> else (Big Block)</a:t>
            </a:r>
            <a:r>
              <a:rPr lang="en-IE" sz="1400">
                <a:latin typeface="Ericsson Hilda Light" panose="00000400000000000000" pitchFamily="2" charset="0"/>
              </a:rPr>
              <a:t>&gt; </a:t>
            </a:r>
            <a:r>
              <a:rPr lang="en-IE" sz="1400" b="1">
                <a:solidFill>
                  <a:srgbClr val="00B050"/>
                </a:solidFill>
                <a:latin typeface="Ericsson Hilda Light" panose="00000400000000000000" pitchFamily="2" charset="0"/>
              </a:rPr>
              <a:t>0=0 (Medium Block)</a:t>
            </a:r>
            <a:r>
              <a:rPr lang="en-IE" sz="1400">
                <a:latin typeface="Ericsson Hilda Light" panose="00000400000000000000" pitchFamily="2" charset="0"/>
              </a:rPr>
              <a:t> &gt; </a:t>
            </a:r>
            <a:r>
              <a:rPr lang="en-IE" sz="1400" b="1">
                <a:solidFill>
                  <a:schemeClr val="accent2"/>
                </a:solidFill>
                <a:latin typeface="Ericsson Hilda Light" panose="00000400000000000000" pitchFamily="2" charset="0"/>
              </a:rPr>
              <a:t>Score (Small Block)</a:t>
            </a:r>
          </a:p>
        </p:txBody>
      </p:sp>
      <p:pic>
        <p:nvPicPr>
          <p:cNvPr id="11" name="Picture 10">
            <a:extLst>
              <a:ext uri="{FF2B5EF4-FFF2-40B4-BE49-F238E27FC236}">
                <a16:creationId xmlns:a16="http://schemas.microsoft.com/office/drawing/2014/main" id="{1FF80109-6122-1C70-35B2-FE917418F9BE}"/>
              </a:ext>
            </a:extLst>
          </p:cNvPr>
          <p:cNvPicPr>
            <a:picLocks noChangeAspect="1"/>
          </p:cNvPicPr>
          <p:nvPr/>
        </p:nvPicPr>
        <p:blipFill>
          <a:blip r:embed="rId9"/>
          <a:stretch>
            <a:fillRect/>
          </a:stretch>
        </p:blipFill>
        <p:spPr>
          <a:xfrm>
            <a:off x="2860694" y="2832134"/>
            <a:ext cx="566600" cy="392262"/>
          </a:xfrm>
          <a:prstGeom prst="rect">
            <a:avLst/>
          </a:prstGeom>
        </p:spPr>
      </p:pic>
      <p:pic>
        <p:nvPicPr>
          <p:cNvPr id="12" name="Picture 11">
            <a:extLst>
              <a:ext uri="{FF2B5EF4-FFF2-40B4-BE49-F238E27FC236}">
                <a16:creationId xmlns:a16="http://schemas.microsoft.com/office/drawing/2014/main" id="{E9C50520-92DA-063C-8BEB-42E792D8A184}"/>
              </a:ext>
            </a:extLst>
          </p:cNvPr>
          <p:cNvPicPr>
            <a:picLocks noChangeAspect="1"/>
          </p:cNvPicPr>
          <p:nvPr/>
        </p:nvPicPr>
        <p:blipFill>
          <a:blip r:embed="rId9"/>
          <a:stretch>
            <a:fillRect/>
          </a:stretch>
        </p:blipFill>
        <p:spPr>
          <a:xfrm>
            <a:off x="8767359" y="1403260"/>
            <a:ext cx="566600" cy="392262"/>
          </a:xfrm>
          <a:prstGeom prst="rect">
            <a:avLst/>
          </a:prstGeom>
        </p:spPr>
      </p:pic>
    </p:spTree>
    <p:custDataLst>
      <p:tags r:id="rId1"/>
    </p:custDataLst>
    <p:extLst>
      <p:ext uri="{BB962C8B-B14F-4D97-AF65-F5344CB8AC3E}">
        <p14:creationId xmlns:p14="http://schemas.microsoft.com/office/powerpoint/2010/main" val="414412286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0C83607-84FA-716E-4424-F0F45E867671}"/>
            </a:ext>
          </a:extLst>
        </p:cNvPr>
        <p:cNvGrpSpPr/>
        <p:nvPr/>
      </p:nvGrpSpPr>
      <p:grpSpPr>
        <a:xfrm>
          <a:off x="0" y="0"/>
          <a:ext cx="0" cy="0"/>
          <a:chOff x="0" y="0"/>
          <a:chExt cx="0" cy="0"/>
        </a:xfrm>
      </p:grpSpPr>
      <p:pic>
        <p:nvPicPr>
          <p:cNvPr id="1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73A46208-F191-7C6F-7A3E-F3A427B6D8D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266356" y="342519"/>
            <a:ext cx="391811" cy="391982"/>
          </a:xfrm>
          <a:prstGeom prst="rect">
            <a:avLst/>
          </a:prstGeom>
        </p:spPr>
      </p:pic>
      <p:sp>
        <p:nvSpPr>
          <p:cNvPr id="15" name="Rectangle 14">
            <a:extLst>
              <a:ext uri="{FF2B5EF4-FFF2-40B4-BE49-F238E27FC236}">
                <a16:creationId xmlns:a16="http://schemas.microsoft.com/office/drawing/2014/main" id="{D56B8A01-E698-3A19-7D53-B39A9809CE79}"/>
              </a:ext>
            </a:extLst>
          </p:cNvPr>
          <p:cNvSpPr/>
          <p:nvPr/>
        </p:nvSpPr>
        <p:spPr>
          <a:xfrm>
            <a:off x="232505" y="639517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6" name="Title 1">
            <a:extLst>
              <a:ext uri="{FF2B5EF4-FFF2-40B4-BE49-F238E27FC236}">
                <a16:creationId xmlns:a16="http://schemas.microsoft.com/office/drawing/2014/main" id="{C85DAD59-0232-1FCB-AB10-FC468AF07B37}"/>
              </a:ext>
            </a:extLst>
          </p:cNvPr>
          <p:cNvSpPr txBox="1">
            <a:spLocks/>
          </p:cNvSpPr>
          <p:nvPr/>
        </p:nvSpPr>
        <p:spPr>
          <a:xfrm>
            <a:off x="798413" y="0"/>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3</a:t>
            </a:r>
          </a:p>
        </p:txBody>
      </p:sp>
      <p:pic>
        <p:nvPicPr>
          <p:cNvPr id="2" name="Graphic 1" descr="Shamrock with solid fill">
            <a:extLst>
              <a:ext uri="{FF2B5EF4-FFF2-40B4-BE49-F238E27FC236}">
                <a16:creationId xmlns:a16="http://schemas.microsoft.com/office/drawing/2014/main" id="{2E215682-690E-8D81-82C1-CA9421FC96A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070427" y="162343"/>
            <a:ext cx="914400" cy="914400"/>
          </a:xfrm>
          <a:prstGeom prst="rect">
            <a:avLst/>
          </a:prstGeom>
        </p:spPr>
      </p:pic>
      <p:pic>
        <p:nvPicPr>
          <p:cNvPr id="4" name="Picture 3">
            <a:extLst>
              <a:ext uri="{FF2B5EF4-FFF2-40B4-BE49-F238E27FC236}">
                <a16:creationId xmlns:a16="http://schemas.microsoft.com/office/drawing/2014/main" id="{1AA4DDF0-374B-30EE-25E3-05BED96B7886}"/>
              </a:ext>
            </a:extLst>
          </p:cNvPr>
          <p:cNvPicPr>
            <a:picLocks noChangeAspect="1"/>
          </p:cNvPicPr>
          <p:nvPr/>
        </p:nvPicPr>
        <p:blipFill>
          <a:blip r:embed="rId6"/>
          <a:stretch>
            <a:fillRect/>
          </a:stretch>
        </p:blipFill>
        <p:spPr>
          <a:xfrm>
            <a:off x="349903" y="2193090"/>
            <a:ext cx="2896004" cy="4105848"/>
          </a:xfrm>
          <a:prstGeom prst="rect">
            <a:avLst/>
          </a:prstGeom>
        </p:spPr>
      </p:pic>
      <p:pic>
        <p:nvPicPr>
          <p:cNvPr id="9" name="Picture 8">
            <a:extLst>
              <a:ext uri="{FF2B5EF4-FFF2-40B4-BE49-F238E27FC236}">
                <a16:creationId xmlns:a16="http://schemas.microsoft.com/office/drawing/2014/main" id="{2E5DBD37-D8E6-0DB7-20B4-31175A05C206}"/>
              </a:ext>
            </a:extLst>
          </p:cNvPr>
          <p:cNvPicPr>
            <a:picLocks noChangeAspect="1"/>
          </p:cNvPicPr>
          <p:nvPr/>
        </p:nvPicPr>
        <p:blipFill>
          <a:blip r:embed="rId7"/>
          <a:stretch>
            <a:fillRect/>
          </a:stretch>
        </p:blipFill>
        <p:spPr>
          <a:xfrm>
            <a:off x="588062" y="1304003"/>
            <a:ext cx="2354758" cy="766467"/>
          </a:xfrm>
          <a:prstGeom prst="rect">
            <a:avLst/>
          </a:prstGeom>
        </p:spPr>
      </p:pic>
      <p:sp>
        <p:nvSpPr>
          <p:cNvPr id="10" name="TextBox 9">
            <a:extLst>
              <a:ext uri="{FF2B5EF4-FFF2-40B4-BE49-F238E27FC236}">
                <a16:creationId xmlns:a16="http://schemas.microsoft.com/office/drawing/2014/main" id="{2C43FA67-0F6E-FB95-648B-A45457751C1D}"/>
              </a:ext>
            </a:extLst>
          </p:cNvPr>
          <p:cNvSpPr txBox="1"/>
          <p:nvPr/>
        </p:nvSpPr>
        <p:spPr>
          <a:xfrm>
            <a:off x="3220691" y="2192947"/>
            <a:ext cx="1520173" cy="4093428"/>
          </a:xfrm>
          <a:prstGeom prst="rect">
            <a:avLst/>
          </a:prstGeom>
          <a:solidFill>
            <a:schemeClr val="bg1">
              <a:lumMod val="95000"/>
            </a:schemeClr>
          </a:solidFill>
        </p:spPr>
        <p:txBody>
          <a:bodyPr wrap="square" rtlCol="0">
            <a:spAutoFit/>
          </a:bodyPr>
          <a:lstStyle/>
          <a:p>
            <a:endParaRPr lang="en-IE" sz="1300" b="1">
              <a:solidFill>
                <a:srgbClr val="F0C63E"/>
              </a:solidFill>
              <a:latin typeface="Ericsson Hilda Light" panose="00000400000000000000" pitchFamily="2" charset="0"/>
            </a:endParaRPr>
          </a:p>
          <a:p>
            <a:r>
              <a:rPr lang="en-IE" sz="1300" b="1">
                <a:solidFill>
                  <a:srgbClr val="F0C63E"/>
                </a:solidFill>
                <a:latin typeface="Ericsson Hilda Light" panose="00000400000000000000" pitchFamily="2" charset="0"/>
              </a:rPr>
              <a:t>Events-</a:t>
            </a:r>
            <a:r>
              <a:rPr lang="en-IE" sz="1300">
                <a:latin typeface="Ericsson Hilda Light" panose="00000400000000000000" pitchFamily="2" charset="0"/>
              </a:rPr>
              <a:t>When Green Flag Clicked</a:t>
            </a:r>
          </a:p>
          <a:p>
            <a:r>
              <a:rPr lang="en-IE" sz="1300" b="1">
                <a:solidFill>
                  <a:schemeClr val="accent2"/>
                </a:solidFill>
                <a:latin typeface="Ericsson Hilda Light" panose="00000400000000000000" pitchFamily="2" charset="0"/>
              </a:rPr>
              <a:t>Variables-</a:t>
            </a:r>
            <a:r>
              <a:rPr lang="en-IE" sz="1300">
                <a:latin typeface="Ericsson Hilda Light" panose="00000400000000000000" pitchFamily="2" charset="0"/>
              </a:rPr>
              <a:t>set</a:t>
            </a:r>
          </a:p>
          <a:p>
            <a:r>
              <a:rPr lang="en-IE" sz="1300">
                <a:latin typeface="Ericsson Hilda Light" panose="00000400000000000000" pitchFamily="2" charset="0"/>
              </a:rPr>
              <a:t> “Score” to 0</a:t>
            </a:r>
          </a:p>
          <a:p>
            <a:r>
              <a:rPr lang="en-IE" sz="1300" b="1">
                <a:solidFill>
                  <a:srgbClr val="7030A0"/>
                </a:solidFill>
                <a:latin typeface="Ericsson Hilda Light" panose="00000400000000000000" pitchFamily="2" charset="0"/>
              </a:rPr>
              <a:t>Looks</a:t>
            </a:r>
            <a:r>
              <a:rPr lang="en-IE" sz="1300">
                <a:latin typeface="Ericsson Hilda Light" panose="00000400000000000000" pitchFamily="2" charset="0"/>
              </a:rPr>
              <a:t> -say “</a:t>
            </a:r>
            <a:r>
              <a:rPr lang="en-IE" sz="1300" err="1">
                <a:latin typeface="Ericsson Hilda Light" panose="00000400000000000000" pitchFamily="2" charset="0"/>
              </a:rPr>
              <a:t>Im</a:t>
            </a:r>
            <a:r>
              <a:rPr lang="en-IE" sz="1300">
                <a:latin typeface="Ericsson Hilda Light" panose="00000400000000000000" pitchFamily="2" charset="0"/>
              </a:rPr>
              <a:t> Full!” for 2 seconds</a:t>
            </a:r>
          </a:p>
          <a:p>
            <a:endParaRPr lang="en-IE" sz="1300">
              <a:latin typeface="Ericsson Hilda Light" panose="00000400000000000000" pitchFamily="2" charset="0"/>
            </a:endParaRPr>
          </a:p>
          <a:p>
            <a:r>
              <a:rPr lang="en-IE" sz="1300" b="1">
                <a:solidFill>
                  <a:srgbClr val="D8A030"/>
                </a:solidFill>
                <a:latin typeface="Ericsson Hilda Light" panose="00000400000000000000" pitchFamily="2" charset="0"/>
              </a:rPr>
              <a:t>Control-</a:t>
            </a:r>
            <a:r>
              <a:rPr lang="en-IE" sz="1300">
                <a:latin typeface="Ericsson Hilda Light" panose="00000400000000000000" pitchFamily="2" charset="0"/>
              </a:rPr>
              <a:t>Forever</a:t>
            </a:r>
          </a:p>
          <a:p>
            <a:r>
              <a:rPr lang="en-IE" sz="1300" b="1">
                <a:solidFill>
                  <a:srgbClr val="D8A030"/>
                </a:solidFill>
                <a:latin typeface="Ericsson Hilda Light" panose="00000400000000000000" pitchFamily="2" charset="0"/>
              </a:rPr>
              <a:t>Control-</a:t>
            </a:r>
            <a:r>
              <a:rPr lang="en-IE" sz="1300">
                <a:latin typeface="Ericsson Hilda Light" panose="00000400000000000000" pitchFamily="2" charset="0"/>
              </a:rPr>
              <a:t>If, then</a:t>
            </a:r>
          </a:p>
          <a:p>
            <a:r>
              <a:rPr lang="en-IE" sz="1300" b="1">
                <a:solidFill>
                  <a:srgbClr val="00B0F0"/>
                </a:solidFill>
                <a:latin typeface="Ericsson Hilda Light" panose="00000400000000000000" pitchFamily="2" charset="0"/>
              </a:rPr>
              <a:t>Sensing-</a:t>
            </a:r>
            <a:r>
              <a:rPr lang="en-IE" sz="1300">
                <a:latin typeface="Ericsson Hilda Light" panose="00000400000000000000" pitchFamily="2" charset="0"/>
              </a:rPr>
              <a:t>Touching</a:t>
            </a:r>
            <a:r>
              <a:rPr lang="en-IE" sz="1300" b="1">
                <a:solidFill>
                  <a:srgbClr val="00B0F0"/>
                </a:solidFill>
                <a:latin typeface="Ericsson Hilda Light" panose="00000400000000000000" pitchFamily="2" charset="0"/>
              </a:rPr>
              <a:t> </a:t>
            </a:r>
            <a:r>
              <a:rPr lang="en-IE" sz="1300">
                <a:latin typeface="Ericsson Hilda Light" panose="00000400000000000000" pitchFamily="2" charset="0"/>
              </a:rPr>
              <a:t>Bowl?</a:t>
            </a:r>
          </a:p>
          <a:p>
            <a:r>
              <a:rPr lang="en-IE" sz="1300" b="1">
                <a:solidFill>
                  <a:schemeClr val="accent2"/>
                </a:solidFill>
                <a:latin typeface="Ericsson Hilda Light" panose="00000400000000000000" pitchFamily="2" charset="0"/>
              </a:rPr>
              <a:t>Variables-</a:t>
            </a:r>
            <a:r>
              <a:rPr lang="en-IE" sz="1300">
                <a:latin typeface="Ericsson Hilda Light" panose="00000400000000000000" pitchFamily="2" charset="0"/>
              </a:rPr>
              <a:t>Change</a:t>
            </a:r>
          </a:p>
          <a:p>
            <a:r>
              <a:rPr lang="en-IE" sz="1300" b="1">
                <a:solidFill>
                  <a:schemeClr val="accent2"/>
                </a:solidFill>
                <a:latin typeface="Ericsson Hilda Light" panose="00000400000000000000" pitchFamily="2" charset="0"/>
              </a:rPr>
              <a:t> </a:t>
            </a:r>
            <a:r>
              <a:rPr lang="en-IE" sz="1300">
                <a:latin typeface="Ericsson Hilda Light" panose="00000400000000000000" pitchFamily="2" charset="0"/>
              </a:rPr>
              <a:t> “Score” by 1</a:t>
            </a:r>
          </a:p>
          <a:p>
            <a:r>
              <a:rPr lang="en-IE" sz="1300" b="1">
                <a:solidFill>
                  <a:schemeClr val="accent1"/>
                </a:solidFill>
                <a:latin typeface="Ericsson Hilda Light" panose="00000400000000000000" pitchFamily="2" charset="0"/>
              </a:rPr>
              <a:t>Motion-</a:t>
            </a:r>
            <a:r>
              <a:rPr lang="en-IE" sz="1300">
                <a:latin typeface="Ericsson Hilda Light" panose="00000400000000000000" pitchFamily="2" charset="0"/>
              </a:rPr>
              <a:t>go</a:t>
            </a:r>
            <a:r>
              <a:rPr lang="en-IE" sz="1300" b="1">
                <a:solidFill>
                  <a:schemeClr val="accent1"/>
                </a:solidFill>
                <a:latin typeface="Ericsson Hilda Light" panose="00000400000000000000" pitchFamily="2" charset="0"/>
              </a:rPr>
              <a:t> </a:t>
            </a:r>
            <a:r>
              <a:rPr lang="en-IE" sz="1300">
                <a:latin typeface="Ericsson Hilda Light" panose="00000400000000000000" pitchFamily="2" charset="0"/>
              </a:rPr>
              <a:t>to</a:t>
            </a:r>
          </a:p>
          <a:p>
            <a:r>
              <a:rPr lang="en-IE" sz="1300">
                <a:latin typeface="Ericsson Hilda Light" panose="00000400000000000000" pitchFamily="2" charset="0"/>
              </a:rPr>
              <a:t> random position</a:t>
            </a:r>
          </a:p>
          <a:p>
            <a:r>
              <a:rPr lang="en-IE" sz="1300" b="1">
                <a:solidFill>
                  <a:schemeClr val="accent1"/>
                </a:solidFill>
                <a:latin typeface="Ericsson Hilda Light" panose="00000400000000000000" pitchFamily="2" charset="0"/>
              </a:rPr>
              <a:t>Motion-</a:t>
            </a:r>
            <a:r>
              <a:rPr lang="en-IE" sz="1300">
                <a:latin typeface="Ericsson Hilda Light" panose="00000400000000000000" pitchFamily="2" charset="0"/>
              </a:rPr>
              <a:t>set</a:t>
            </a:r>
            <a:r>
              <a:rPr lang="en-IE" sz="1300" b="1">
                <a:solidFill>
                  <a:schemeClr val="accent1"/>
                </a:solidFill>
                <a:latin typeface="Ericsson Hilda Light" panose="00000400000000000000" pitchFamily="2" charset="0"/>
              </a:rPr>
              <a:t> </a:t>
            </a:r>
            <a:r>
              <a:rPr lang="en-IE" sz="1300">
                <a:latin typeface="Ericsson Hilda Light" panose="00000400000000000000" pitchFamily="2" charset="0"/>
              </a:rPr>
              <a:t>y to</a:t>
            </a:r>
          </a:p>
          <a:p>
            <a:r>
              <a:rPr lang="en-IE" sz="1300">
                <a:latin typeface="Ericsson Hilda Light" panose="00000400000000000000" pitchFamily="2" charset="0"/>
              </a:rPr>
              <a:t> 180</a:t>
            </a:r>
          </a:p>
          <a:p>
            <a:endParaRPr lang="en-IE" sz="1300">
              <a:latin typeface="Ericsson Hilda Light" panose="00000400000000000000" pitchFamily="2" charset="0"/>
            </a:endParaRPr>
          </a:p>
          <a:p>
            <a:endParaRPr lang="en-IE" sz="1300">
              <a:latin typeface="Ericsson Hilda Light" panose="00000400000000000000" pitchFamily="2" charset="0"/>
            </a:endParaRPr>
          </a:p>
        </p:txBody>
      </p:sp>
      <p:pic>
        <p:nvPicPr>
          <p:cNvPr id="12" name="Picture 11">
            <a:extLst>
              <a:ext uri="{FF2B5EF4-FFF2-40B4-BE49-F238E27FC236}">
                <a16:creationId xmlns:a16="http://schemas.microsoft.com/office/drawing/2014/main" id="{4F6FBACC-6199-F51A-38A3-807F48D7723F}"/>
              </a:ext>
            </a:extLst>
          </p:cNvPr>
          <p:cNvPicPr>
            <a:picLocks noChangeAspect="1"/>
          </p:cNvPicPr>
          <p:nvPr/>
        </p:nvPicPr>
        <p:blipFill>
          <a:blip r:embed="rId8"/>
          <a:stretch>
            <a:fillRect/>
          </a:stretch>
        </p:blipFill>
        <p:spPr>
          <a:xfrm>
            <a:off x="5018734" y="1326077"/>
            <a:ext cx="2722672" cy="3744649"/>
          </a:xfrm>
          <a:prstGeom prst="rect">
            <a:avLst/>
          </a:prstGeom>
        </p:spPr>
      </p:pic>
      <p:sp>
        <p:nvSpPr>
          <p:cNvPr id="13" name="TextBox 12">
            <a:extLst>
              <a:ext uri="{FF2B5EF4-FFF2-40B4-BE49-F238E27FC236}">
                <a16:creationId xmlns:a16="http://schemas.microsoft.com/office/drawing/2014/main" id="{F464CD02-6430-0303-1937-CB01B29CF056}"/>
              </a:ext>
            </a:extLst>
          </p:cNvPr>
          <p:cNvSpPr txBox="1"/>
          <p:nvPr/>
        </p:nvSpPr>
        <p:spPr>
          <a:xfrm>
            <a:off x="7678723" y="1323074"/>
            <a:ext cx="1758048" cy="3744649"/>
          </a:xfrm>
          <a:prstGeom prst="rect">
            <a:avLst/>
          </a:prstGeom>
          <a:solidFill>
            <a:schemeClr val="bg1">
              <a:lumMod val="95000"/>
            </a:schemeClr>
          </a:solidFill>
        </p:spPr>
        <p:txBody>
          <a:bodyPr wrap="square" rtlCol="0">
            <a:spAutoFit/>
          </a:bodyPr>
          <a:lstStyle/>
          <a:p>
            <a:endParaRPr lang="en-IE" sz="1300" b="1">
              <a:solidFill>
                <a:srgbClr val="F0C63E"/>
              </a:solidFill>
              <a:latin typeface="Ericsson Hilda Light" panose="00000400000000000000" pitchFamily="2" charset="0"/>
            </a:endParaRPr>
          </a:p>
          <a:p>
            <a:r>
              <a:rPr lang="en-IE" sz="1300" b="1">
                <a:solidFill>
                  <a:srgbClr val="F0C63E"/>
                </a:solidFill>
                <a:latin typeface="Ericsson Hilda Light" panose="00000400000000000000" pitchFamily="2" charset="0"/>
              </a:rPr>
              <a:t>Events-</a:t>
            </a:r>
            <a:r>
              <a:rPr lang="en-IE" sz="1300">
                <a:latin typeface="Ericsson Hilda Light" panose="00000400000000000000" pitchFamily="2" charset="0"/>
              </a:rPr>
              <a:t>When Green Flag Clicked</a:t>
            </a:r>
          </a:p>
          <a:p>
            <a:r>
              <a:rPr lang="en-IE" sz="1300" b="1">
                <a:solidFill>
                  <a:srgbClr val="D8A030"/>
                </a:solidFill>
                <a:latin typeface="Ericsson Hilda Light" panose="00000400000000000000" pitchFamily="2" charset="0"/>
              </a:rPr>
              <a:t>Control-</a:t>
            </a:r>
            <a:r>
              <a:rPr lang="en-IE" sz="1300">
                <a:latin typeface="Ericsson Hilda Light" panose="00000400000000000000" pitchFamily="2" charset="0"/>
              </a:rPr>
              <a:t>Forever</a:t>
            </a:r>
          </a:p>
          <a:p>
            <a:r>
              <a:rPr lang="en-IE" sz="1300" b="1">
                <a:solidFill>
                  <a:schemeClr val="accent1"/>
                </a:solidFill>
                <a:latin typeface="Ericsson Hilda Light" panose="00000400000000000000" pitchFamily="2" charset="0"/>
              </a:rPr>
              <a:t>Motion-</a:t>
            </a:r>
            <a:r>
              <a:rPr lang="en-IE" sz="1300">
                <a:latin typeface="Ericsson Hilda Light" panose="00000400000000000000" pitchFamily="2" charset="0"/>
              </a:rPr>
              <a:t>Change y by</a:t>
            </a:r>
          </a:p>
          <a:p>
            <a:endParaRPr lang="en-IE" sz="1300">
              <a:latin typeface="Ericsson Hilda Light" panose="00000400000000000000" pitchFamily="2" charset="0"/>
            </a:endParaRPr>
          </a:p>
          <a:p>
            <a:r>
              <a:rPr lang="en-IE" sz="1300" b="1">
                <a:solidFill>
                  <a:srgbClr val="D8A030"/>
                </a:solidFill>
                <a:latin typeface="Ericsson Hilda Light" panose="00000400000000000000" pitchFamily="2" charset="0"/>
              </a:rPr>
              <a:t>Control-</a:t>
            </a:r>
            <a:r>
              <a:rPr lang="en-IE" sz="1300">
                <a:latin typeface="Ericsson Hilda Light" panose="00000400000000000000" pitchFamily="2" charset="0"/>
              </a:rPr>
              <a:t>If, then</a:t>
            </a:r>
          </a:p>
          <a:p>
            <a:r>
              <a:rPr lang="en-IE" sz="1300" b="1">
                <a:solidFill>
                  <a:srgbClr val="00B050"/>
                </a:solidFill>
                <a:latin typeface="Ericsson Hilda Light" panose="00000400000000000000" pitchFamily="2" charset="0"/>
              </a:rPr>
              <a:t>Operators-</a:t>
            </a:r>
            <a:r>
              <a:rPr lang="en-IE" sz="1300">
                <a:latin typeface="Ericsson Hilda Light" panose="00000400000000000000" pitchFamily="2" charset="0"/>
              </a:rPr>
              <a:t>0&lt;0</a:t>
            </a:r>
          </a:p>
          <a:p>
            <a:r>
              <a:rPr lang="en-IE" sz="1300" b="1">
                <a:solidFill>
                  <a:srgbClr val="0070C0"/>
                </a:solidFill>
                <a:latin typeface="Ericsson Hilda Light" panose="00000400000000000000" pitchFamily="2" charset="0"/>
              </a:rPr>
              <a:t>Motion-</a:t>
            </a:r>
            <a:r>
              <a:rPr lang="en-IE" sz="1300">
                <a:latin typeface="Ericsson Hilda Light" panose="00000400000000000000" pitchFamily="2" charset="0"/>
              </a:rPr>
              <a:t>y position</a:t>
            </a:r>
          </a:p>
          <a:p>
            <a:r>
              <a:rPr lang="en-IE" sz="1300" b="1">
                <a:solidFill>
                  <a:schemeClr val="accent1"/>
                </a:solidFill>
                <a:latin typeface="Ericsson Hilda Light" panose="00000400000000000000" pitchFamily="2" charset="0"/>
              </a:rPr>
              <a:t>Motion-</a:t>
            </a:r>
            <a:r>
              <a:rPr lang="en-IE" sz="1300">
                <a:latin typeface="Ericsson Hilda Light" panose="00000400000000000000" pitchFamily="2" charset="0"/>
              </a:rPr>
              <a:t>go</a:t>
            </a:r>
            <a:r>
              <a:rPr lang="en-IE" sz="1300" b="1">
                <a:solidFill>
                  <a:schemeClr val="accent1"/>
                </a:solidFill>
                <a:latin typeface="Ericsson Hilda Light" panose="00000400000000000000" pitchFamily="2" charset="0"/>
              </a:rPr>
              <a:t> </a:t>
            </a:r>
            <a:r>
              <a:rPr lang="en-IE" sz="1300">
                <a:latin typeface="Ericsson Hilda Light" panose="00000400000000000000" pitchFamily="2" charset="0"/>
              </a:rPr>
              <a:t>to random position</a:t>
            </a:r>
          </a:p>
          <a:p>
            <a:r>
              <a:rPr lang="en-IE" sz="1300" b="1">
                <a:solidFill>
                  <a:schemeClr val="accent1"/>
                </a:solidFill>
                <a:latin typeface="Ericsson Hilda Light" panose="00000400000000000000" pitchFamily="2" charset="0"/>
              </a:rPr>
              <a:t>Motion-</a:t>
            </a:r>
            <a:r>
              <a:rPr lang="en-IE" sz="1300">
                <a:latin typeface="Ericsson Hilda Light" panose="00000400000000000000" pitchFamily="2" charset="0"/>
              </a:rPr>
              <a:t>set</a:t>
            </a:r>
            <a:r>
              <a:rPr lang="en-IE" sz="1300" b="1">
                <a:solidFill>
                  <a:schemeClr val="accent1"/>
                </a:solidFill>
                <a:latin typeface="Ericsson Hilda Light" panose="00000400000000000000" pitchFamily="2" charset="0"/>
              </a:rPr>
              <a:t> </a:t>
            </a:r>
            <a:r>
              <a:rPr lang="en-IE" sz="1300">
                <a:latin typeface="Ericsson Hilda Light" panose="00000400000000000000" pitchFamily="2" charset="0"/>
              </a:rPr>
              <a:t>y to 180</a:t>
            </a:r>
          </a:p>
          <a:p>
            <a:endParaRPr lang="en-IE" sz="1300">
              <a:latin typeface="Ericsson Hilda Light" panose="00000400000000000000" pitchFamily="2" charset="0"/>
            </a:endParaRPr>
          </a:p>
          <a:p>
            <a:r>
              <a:rPr lang="en-IE" sz="1300" b="1">
                <a:solidFill>
                  <a:srgbClr val="D8A030"/>
                </a:solidFill>
                <a:latin typeface="Ericsson Hilda Light" panose="00000400000000000000" pitchFamily="2" charset="0"/>
              </a:rPr>
              <a:t>Control-</a:t>
            </a:r>
            <a:r>
              <a:rPr lang="en-IE" sz="1300">
                <a:latin typeface="Ericsson Hilda Light" panose="00000400000000000000" pitchFamily="2" charset="0"/>
              </a:rPr>
              <a:t>If, then</a:t>
            </a:r>
          </a:p>
          <a:p>
            <a:r>
              <a:rPr lang="en-IE" sz="1300" b="1">
                <a:solidFill>
                  <a:srgbClr val="00B050"/>
                </a:solidFill>
                <a:latin typeface="Ericsson Hilda Light" panose="00000400000000000000" pitchFamily="2" charset="0"/>
              </a:rPr>
              <a:t>Operators-</a:t>
            </a:r>
            <a:r>
              <a:rPr lang="en-IE" sz="1300">
                <a:latin typeface="Ericsson Hilda Light" panose="00000400000000000000" pitchFamily="2" charset="0"/>
              </a:rPr>
              <a:t>0=0</a:t>
            </a:r>
          </a:p>
          <a:p>
            <a:r>
              <a:rPr lang="en-IE" sz="1300" b="1">
                <a:solidFill>
                  <a:schemeClr val="accent2"/>
                </a:solidFill>
                <a:latin typeface="Ericsson Hilda Light" panose="00000400000000000000" pitchFamily="2" charset="0"/>
              </a:rPr>
              <a:t>Variables</a:t>
            </a:r>
            <a:r>
              <a:rPr lang="en-IE" sz="1300">
                <a:latin typeface="Ericsson Hilda Light" panose="00000400000000000000" pitchFamily="2" charset="0"/>
              </a:rPr>
              <a:t>- “Score”</a:t>
            </a:r>
          </a:p>
          <a:p>
            <a:r>
              <a:rPr lang="en-IE" sz="1300" b="1">
                <a:solidFill>
                  <a:srgbClr val="F0C63E"/>
                </a:solidFill>
                <a:latin typeface="Ericsson Hilda Light" panose="00000400000000000000" pitchFamily="2" charset="0"/>
              </a:rPr>
              <a:t>Events-</a:t>
            </a:r>
            <a:r>
              <a:rPr lang="en-IE" sz="1300">
                <a:latin typeface="Ericsson Hilda Light" panose="00000400000000000000" pitchFamily="2" charset="0"/>
              </a:rPr>
              <a:t> stop all</a:t>
            </a:r>
          </a:p>
          <a:p>
            <a:endParaRPr lang="en-IE" sz="1300">
              <a:latin typeface="Ericsson Hilda Light" panose="00000400000000000000" pitchFamily="2" charset="0"/>
            </a:endParaRPr>
          </a:p>
        </p:txBody>
      </p:sp>
      <p:sp>
        <p:nvSpPr>
          <p:cNvPr id="16" name="Rectangle 15">
            <a:extLst>
              <a:ext uri="{FF2B5EF4-FFF2-40B4-BE49-F238E27FC236}">
                <a16:creationId xmlns:a16="http://schemas.microsoft.com/office/drawing/2014/main" id="{72FC09AA-0BBB-CC71-4BD9-39E17294B3D6}"/>
              </a:ext>
            </a:extLst>
          </p:cNvPr>
          <p:cNvSpPr>
            <a:spLocks/>
          </p:cNvSpPr>
          <p:nvPr/>
        </p:nvSpPr>
        <p:spPr>
          <a:xfrm>
            <a:off x="588062" y="949182"/>
            <a:ext cx="4185106"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oin-Code</a:t>
            </a:r>
          </a:p>
        </p:txBody>
      </p:sp>
      <p:sp>
        <p:nvSpPr>
          <p:cNvPr id="17" name="Rectangle 16">
            <a:extLst>
              <a:ext uri="{FF2B5EF4-FFF2-40B4-BE49-F238E27FC236}">
                <a16:creationId xmlns:a16="http://schemas.microsoft.com/office/drawing/2014/main" id="{B42E13AD-203F-9C79-67B6-EDB1E4E733B6}"/>
              </a:ext>
            </a:extLst>
          </p:cNvPr>
          <p:cNvSpPr>
            <a:spLocks/>
          </p:cNvSpPr>
          <p:nvPr/>
        </p:nvSpPr>
        <p:spPr>
          <a:xfrm>
            <a:off x="5019609" y="980832"/>
            <a:ext cx="4417162" cy="346507"/>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oin-Code</a:t>
            </a:r>
          </a:p>
        </p:txBody>
      </p:sp>
      <p:sp>
        <p:nvSpPr>
          <p:cNvPr id="18" name="TextBox 17">
            <a:extLst>
              <a:ext uri="{FF2B5EF4-FFF2-40B4-BE49-F238E27FC236}">
                <a16:creationId xmlns:a16="http://schemas.microsoft.com/office/drawing/2014/main" id="{467E389D-E98F-39E4-475D-BADDD38338F8}"/>
              </a:ext>
            </a:extLst>
          </p:cNvPr>
          <p:cNvSpPr txBox="1"/>
          <p:nvPr/>
        </p:nvSpPr>
        <p:spPr>
          <a:xfrm>
            <a:off x="5137481" y="5529497"/>
            <a:ext cx="4229827" cy="769441"/>
          </a:xfrm>
          <a:prstGeom prst="rect">
            <a:avLst/>
          </a:prstGeom>
          <a:solidFill>
            <a:schemeClr val="bg1">
              <a:lumMod val="95000"/>
            </a:schemeClr>
          </a:solidFill>
        </p:spPr>
        <p:txBody>
          <a:bodyPr wrap="square" rtlCol="0">
            <a:spAutoFit/>
          </a:bodyPr>
          <a:lstStyle/>
          <a:p>
            <a:r>
              <a:rPr lang="en-IE" sz="1100">
                <a:latin typeface="Ericsson Hilda Light" panose="00000400000000000000" pitchFamily="2" charset="0"/>
              </a:rPr>
              <a:t>This chain of code tells the coin To spawn randomly at the top of the screen. It also tells it to drop from the top of the screen. Finally, it is told to up the score when it lands in the pot and to end the game once the score reaches 30!</a:t>
            </a:r>
          </a:p>
        </p:txBody>
      </p:sp>
      <p:sp>
        <p:nvSpPr>
          <p:cNvPr id="19" name="TextBox 18">
            <a:extLst>
              <a:ext uri="{FF2B5EF4-FFF2-40B4-BE49-F238E27FC236}">
                <a16:creationId xmlns:a16="http://schemas.microsoft.com/office/drawing/2014/main" id="{70267AD9-B33A-D597-18E8-E511212D495D}"/>
              </a:ext>
            </a:extLst>
          </p:cNvPr>
          <p:cNvSpPr txBox="1"/>
          <p:nvPr/>
        </p:nvSpPr>
        <p:spPr>
          <a:xfrm>
            <a:off x="3139771" y="1304003"/>
            <a:ext cx="1633397" cy="584775"/>
          </a:xfrm>
          <a:prstGeom prst="rect">
            <a:avLst/>
          </a:prstGeom>
          <a:solidFill>
            <a:schemeClr val="bg1">
              <a:lumMod val="95000"/>
            </a:schemeClr>
          </a:solidFill>
        </p:spPr>
        <p:txBody>
          <a:bodyPr wrap="square" rtlCol="0">
            <a:spAutoFit/>
          </a:bodyPr>
          <a:lstStyle/>
          <a:p>
            <a:r>
              <a:rPr lang="en-IE" sz="1600">
                <a:latin typeface="Ericsson Hilda Light" panose="00000400000000000000" pitchFamily="2" charset="0"/>
              </a:rPr>
              <a:t>Select the Coin “Sprite 2”  Sprite</a:t>
            </a:r>
          </a:p>
        </p:txBody>
      </p:sp>
      <p:pic>
        <p:nvPicPr>
          <p:cNvPr id="7" name="Picture 6">
            <a:extLst>
              <a:ext uri="{FF2B5EF4-FFF2-40B4-BE49-F238E27FC236}">
                <a16:creationId xmlns:a16="http://schemas.microsoft.com/office/drawing/2014/main" id="{AEC33F74-D6C6-7021-8A26-54E2B6A66B8F}"/>
              </a:ext>
            </a:extLst>
          </p:cNvPr>
          <p:cNvPicPr>
            <a:picLocks noChangeAspect="1"/>
          </p:cNvPicPr>
          <p:nvPr/>
        </p:nvPicPr>
        <p:blipFill>
          <a:blip r:embed="rId9"/>
          <a:stretch>
            <a:fillRect/>
          </a:stretch>
        </p:blipFill>
        <p:spPr>
          <a:xfrm>
            <a:off x="2605439" y="2297995"/>
            <a:ext cx="476317" cy="400106"/>
          </a:xfrm>
          <a:prstGeom prst="rect">
            <a:avLst/>
          </a:prstGeom>
        </p:spPr>
      </p:pic>
      <p:pic>
        <p:nvPicPr>
          <p:cNvPr id="8" name="Picture 7">
            <a:extLst>
              <a:ext uri="{FF2B5EF4-FFF2-40B4-BE49-F238E27FC236}">
                <a16:creationId xmlns:a16="http://schemas.microsoft.com/office/drawing/2014/main" id="{0C51C524-DF97-BE9F-D61A-A6137366274F}"/>
              </a:ext>
            </a:extLst>
          </p:cNvPr>
          <p:cNvPicPr>
            <a:picLocks noChangeAspect="1"/>
          </p:cNvPicPr>
          <p:nvPr/>
        </p:nvPicPr>
        <p:blipFill>
          <a:blip r:embed="rId9"/>
          <a:stretch>
            <a:fillRect/>
          </a:stretch>
        </p:blipFill>
        <p:spPr>
          <a:xfrm>
            <a:off x="7252395" y="1326077"/>
            <a:ext cx="476317" cy="400106"/>
          </a:xfrm>
          <a:prstGeom prst="rect">
            <a:avLst/>
          </a:prstGeom>
        </p:spPr>
      </p:pic>
    </p:spTree>
    <p:custDataLst>
      <p:tags r:id="rId1"/>
    </p:custDataLst>
    <p:extLst>
      <p:ext uri="{BB962C8B-B14F-4D97-AF65-F5344CB8AC3E}">
        <p14:creationId xmlns:p14="http://schemas.microsoft.com/office/powerpoint/2010/main" val="259319852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1693B7-4232-ACF2-5BFA-6D95131A76F5}"/>
            </a:ext>
          </a:extLst>
        </p:cNvPr>
        <p:cNvGrpSpPr/>
        <p:nvPr/>
      </p:nvGrpSpPr>
      <p:grpSpPr>
        <a:xfrm>
          <a:off x="0" y="0"/>
          <a:ext cx="0" cy="0"/>
          <a:chOff x="0" y="0"/>
          <a:chExt cx="0" cy="0"/>
        </a:xfrm>
      </p:grpSpPr>
      <p:pic>
        <p:nvPicPr>
          <p:cNvPr id="1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D5038F0C-5F0C-7E09-3CF2-FD85B60CC58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266356" y="342519"/>
            <a:ext cx="391811" cy="391982"/>
          </a:xfrm>
          <a:prstGeom prst="rect">
            <a:avLst/>
          </a:prstGeom>
        </p:spPr>
      </p:pic>
      <p:sp>
        <p:nvSpPr>
          <p:cNvPr id="15" name="Rectangle 14">
            <a:extLst>
              <a:ext uri="{FF2B5EF4-FFF2-40B4-BE49-F238E27FC236}">
                <a16:creationId xmlns:a16="http://schemas.microsoft.com/office/drawing/2014/main" id="{6A589764-9CC2-BFB4-6C74-CE93EC8113F5}"/>
              </a:ext>
            </a:extLst>
          </p:cNvPr>
          <p:cNvSpPr/>
          <p:nvPr/>
        </p:nvSpPr>
        <p:spPr>
          <a:xfrm>
            <a:off x="232505" y="639517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6" name="Title 1">
            <a:extLst>
              <a:ext uri="{FF2B5EF4-FFF2-40B4-BE49-F238E27FC236}">
                <a16:creationId xmlns:a16="http://schemas.microsoft.com/office/drawing/2014/main" id="{BD50530D-9C66-867E-0CDD-9CD755C454CC}"/>
              </a:ext>
            </a:extLst>
          </p:cNvPr>
          <p:cNvSpPr txBox="1">
            <a:spLocks/>
          </p:cNvSpPr>
          <p:nvPr/>
        </p:nvSpPr>
        <p:spPr>
          <a:xfrm>
            <a:off x="798413" y="0"/>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3</a:t>
            </a:r>
          </a:p>
        </p:txBody>
      </p:sp>
      <p:pic>
        <p:nvPicPr>
          <p:cNvPr id="2" name="Graphic 1" descr="Shamrock with solid fill">
            <a:extLst>
              <a:ext uri="{FF2B5EF4-FFF2-40B4-BE49-F238E27FC236}">
                <a16:creationId xmlns:a16="http://schemas.microsoft.com/office/drawing/2014/main" id="{8F979405-E70A-C50C-7BC8-84DD8D11578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070427" y="162343"/>
            <a:ext cx="914400" cy="914400"/>
          </a:xfrm>
          <a:prstGeom prst="rect">
            <a:avLst/>
          </a:prstGeom>
        </p:spPr>
      </p:pic>
      <p:sp>
        <p:nvSpPr>
          <p:cNvPr id="16" name="Rectangle 15">
            <a:extLst>
              <a:ext uri="{FF2B5EF4-FFF2-40B4-BE49-F238E27FC236}">
                <a16:creationId xmlns:a16="http://schemas.microsoft.com/office/drawing/2014/main" id="{FFA77D53-9D95-DE0A-714E-373A54E6CECB}"/>
              </a:ext>
            </a:extLst>
          </p:cNvPr>
          <p:cNvSpPr>
            <a:spLocks/>
          </p:cNvSpPr>
          <p:nvPr/>
        </p:nvSpPr>
        <p:spPr>
          <a:xfrm>
            <a:off x="426894" y="949182"/>
            <a:ext cx="3476971"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oin-Code</a:t>
            </a:r>
          </a:p>
        </p:txBody>
      </p:sp>
      <p:pic>
        <p:nvPicPr>
          <p:cNvPr id="5" name="Picture 4">
            <a:extLst>
              <a:ext uri="{FF2B5EF4-FFF2-40B4-BE49-F238E27FC236}">
                <a16:creationId xmlns:a16="http://schemas.microsoft.com/office/drawing/2014/main" id="{E116E3E6-E40A-182F-035B-BDF7B48BF3BD}"/>
              </a:ext>
            </a:extLst>
          </p:cNvPr>
          <p:cNvPicPr>
            <a:picLocks noChangeAspect="1"/>
          </p:cNvPicPr>
          <p:nvPr/>
        </p:nvPicPr>
        <p:blipFill>
          <a:blip r:embed="rId6"/>
          <a:stretch>
            <a:fillRect/>
          </a:stretch>
        </p:blipFill>
        <p:spPr>
          <a:xfrm>
            <a:off x="426895" y="1291583"/>
            <a:ext cx="3279258" cy="1988428"/>
          </a:xfrm>
          <a:prstGeom prst="rect">
            <a:avLst/>
          </a:prstGeom>
        </p:spPr>
      </p:pic>
      <mc:AlternateContent xmlns:mc="http://schemas.openxmlformats.org/markup-compatibility/2006">
        <mc:Choice xmlns:p14="http://schemas.microsoft.com/office/powerpoint/2010/main" Requires="p14">
          <p:contentPart p14:bwMode="auto" r:id="rId7">
            <p14:nvContentPartPr>
              <p14:cNvPr id="8" name="Ink 7">
                <a:extLst>
                  <a:ext uri="{FF2B5EF4-FFF2-40B4-BE49-F238E27FC236}">
                    <a16:creationId xmlns:a16="http://schemas.microsoft.com/office/drawing/2014/main" id="{F345903A-83A8-B816-909A-910D40AC97C5}"/>
                  </a:ext>
                </a:extLst>
              </p14:cNvPr>
              <p14:cNvContentPartPr/>
              <p14:nvPr/>
            </p14:nvContentPartPr>
            <p14:xfrm>
              <a:off x="2368008" y="2761416"/>
              <a:ext cx="631800" cy="768600"/>
            </p14:xfrm>
          </p:contentPart>
        </mc:Choice>
        <mc:Fallback>
          <p:pic>
            <p:nvPicPr>
              <p:cNvPr id="8" name="Ink 7">
                <a:extLst>
                  <a:ext uri="{FF2B5EF4-FFF2-40B4-BE49-F238E27FC236}">
                    <a16:creationId xmlns:a16="http://schemas.microsoft.com/office/drawing/2014/main" id="{F345903A-83A8-B816-909A-910D40AC97C5}"/>
                  </a:ext>
                </a:extLst>
              </p:cNvPr>
              <p:cNvPicPr/>
              <p:nvPr/>
            </p:nvPicPr>
            <p:blipFill>
              <a:blip r:embed="rId8"/>
              <a:stretch>
                <a:fillRect/>
              </a:stretch>
            </p:blipFill>
            <p:spPr>
              <a:xfrm>
                <a:off x="2361888" y="2755296"/>
                <a:ext cx="644040" cy="780840"/>
              </a:xfrm>
              <a:prstGeom prst="rect">
                <a:avLst/>
              </a:prstGeom>
            </p:spPr>
          </p:pic>
        </mc:Fallback>
      </mc:AlternateContent>
      <mc:AlternateContent xmlns:mc="http://schemas.openxmlformats.org/markup-compatibility/2006">
        <mc:Choice xmlns:p14="http://schemas.microsoft.com/office/powerpoint/2010/main" Requires="p14">
          <p:contentPart p14:bwMode="auto" r:id="rId9">
            <p14:nvContentPartPr>
              <p14:cNvPr id="20" name="Ink 19">
                <a:extLst>
                  <a:ext uri="{FF2B5EF4-FFF2-40B4-BE49-F238E27FC236}">
                    <a16:creationId xmlns:a16="http://schemas.microsoft.com/office/drawing/2014/main" id="{E6378773-2F81-840E-B911-A81B1E40B2F8}"/>
                  </a:ext>
                </a:extLst>
              </p14:cNvPr>
              <p14:cNvContentPartPr/>
              <p14:nvPr/>
            </p14:nvContentPartPr>
            <p14:xfrm>
              <a:off x="2366311" y="2754530"/>
              <a:ext cx="226028" cy="720"/>
            </p14:xfrm>
          </p:contentPart>
        </mc:Choice>
        <mc:Fallback>
          <p:pic>
            <p:nvPicPr>
              <p:cNvPr id="20" name="Ink 19">
                <a:extLst>
                  <a:ext uri="{FF2B5EF4-FFF2-40B4-BE49-F238E27FC236}">
                    <a16:creationId xmlns:a16="http://schemas.microsoft.com/office/drawing/2014/main" id="{E6378773-2F81-840E-B911-A81B1E40B2F8}"/>
                  </a:ext>
                </a:extLst>
              </p:cNvPr>
              <p:cNvPicPr/>
              <p:nvPr/>
            </p:nvPicPr>
            <p:blipFill>
              <a:blip r:embed="rId10"/>
              <a:stretch>
                <a:fillRect/>
              </a:stretch>
            </p:blipFill>
            <p:spPr>
              <a:xfrm>
                <a:off x="2360202" y="2742290"/>
                <a:ext cx="238246" cy="25200"/>
              </a:xfrm>
              <a:prstGeom prst="rect">
                <a:avLst/>
              </a:prstGeom>
            </p:spPr>
          </p:pic>
        </mc:Fallback>
      </mc:AlternateContent>
      <mc:AlternateContent xmlns:mc="http://schemas.openxmlformats.org/markup-compatibility/2006">
        <mc:Choice xmlns:p14="http://schemas.microsoft.com/office/powerpoint/2010/main" Requires="p14">
          <p:contentPart p14:bwMode="auto" r:id="rId11">
            <p14:nvContentPartPr>
              <p14:cNvPr id="22" name="Ink 21">
                <a:extLst>
                  <a:ext uri="{FF2B5EF4-FFF2-40B4-BE49-F238E27FC236}">
                    <a16:creationId xmlns:a16="http://schemas.microsoft.com/office/drawing/2014/main" id="{DFA4A77E-42AC-5409-3D75-DE958AE74339}"/>
                  </a:ext>
                </a:extLst>
              </p14:cNvPr>
              <p14:cNvContentPartPr/>
              <p14:nvPr/>
            </p14:nvContentPartPr>
            <p14:xfrm>
              <a:off x="2322289" y="2754530"/>
              <a:ext cx="45719" cy="206283"/>
            </p14:xfrm>
          </p:contentPart>
        </mc:Choice>
        <mc:Fallback>
          <p:pic>
            <p:nvPicPr>
              <p:cNvPr id="22" name="Ink 21">
                <a:extLst>
                  <a:ext uri="{FF2B5EF4-FFF2-40B4-BE49-F238E27FC236}">
                    <a16:creationId xmlns:a16="http://schemas.microsoft.com/office/drawing/2014/main" id="{DFA4A77E-42AC-5409-3D75-DE958AE74339}"/>
                  </a:ext>
                </a:extLst>
              </p:cNvPr>
              <p:cNvPicPr/>
              <p:nvPr/>
            </p:nvPicPr>
            <p:blipFill>
              <a:blip r:embed="rId12"/>
              <a:stretch>
                <a:fillRect/>
              </a:stretch>
            </p:blipFill>
            <p:spPr>
              <a:xfrm>
                <a:off x="2315970" y="2748399"/>
                <a:ext cx="58357" cy="218545"/>
              </a:xfrm>
              <a:prstGeom prst="rect">
                <a:avLst/>
              </a:prstGeom>
            </p:spPr>
          </p:pic>
        </mc:Fallback>
      </mc:AlternateContent>
      <p:sp>
        <p:nvSpPr>
          <p:cNvPr id="23" name="TextBox 22">
            <a:extLst>
              <a:ext uri="{FF2B5EF4-FFF2-40B4-BE49-F238E27FC236}">
                <a16:creationId xmlns:a16="http://schemas.microsoft.com/office/drawing/2014/main" id="{8BB3066B-5028-AB18-0DEE-C60EB61A29FB}"/>
              </a:ext>
            </a:extLst>
          </p:cNvPr>
          <p:cNvSpPr txBox="1"/>
          <p:nvPr/>
        </p:nvSpPr>
        <p:spPr>
          <a:xfrm>
            <a:off x="426893" y="3417819"/>
            <a:ext cx="3476971" cy="523220"/>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Right-click on your second sprite and duplicate the 4-5 times.</a:t>
            </a:r>
          </a:p>
        </p:txBody>
      </p:sp>
      <p:pic>
        <p:nvPicPr>
          <p:cNvPr id="25" name="Picture 24">
            <a:extLst>
              <a:ext uri="{FF2B5EF4-FFF2-40B4-BE49-F238E27FC236}">
                <a16:creationId xmlns:a16="http://schemas.microsoft.com/office/drawing/2014/main" id="{4CD3A0D4-CCDA-B808-F97A-A429467099C0}"/>
              </a:ext>
            </a:extLst>
          </p:cNvPr>
          <p:cNvPicPr>
            <a:picLocks noChangeAspect="1"/>
          </p:cNvPicPr>
          <p:nvPr/>
        </p:nvPicPr>
        <p:blipFill>
          <a:blip r:embed="rId13"/>
          <a:stretch>
            <a:fillRect/>
          </a:stretch>
        </p:blipFill>
        <p:spPr>
          <a:xfrm>
            <a:off x="431226" y="4472940"/>
            <a:ext cx="3476971" cy="1555609"/>
          </a:xfrm>
          <a:prstGeom prst="rect">
            <a:avLst/>
          </a:prstGeom>
        </p:spPr>
      </p:pic>
      <p:sp>
        <p:nvSpPr>
          <p:cNvPr id="26" name="TextBox 25">
            <a:extLst>
              <a:ext uri="{FF2B5EF4-FFF2-40B4-BE49-F238E27FC236}">
                <a16:creationId xmlns:a16="http://schemas.microsoft.com/office/drawing/2014/main" id="{167555D2-9452-1D1B-0BD0-2D404FA1FF88}"/>
              </a:ext>
            </a:extLst>
          </p:cNvPr>
          <p:cNvSpPr txBox="1"/>
          <p:nvPr/>
        </p:nvSpPr>
        <p:spPr>
          <a:xfrm>
            <a:off x="426893" y="6048164"/>
            <a:ext cx="3476971" cy="307777"/>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Your Screen should look something like this!</a:t>
            </a:r>
          </a:p>
        </p:txBody>
      </p:sp>
      <p:pic>
        <p:nvPicPr>
          <p:cNvPr id="28" name="Picture 27">
            <a:extLst>
              <a:ext uri="{FF2B5EF4-FFF2-40B4-BE49-F238E27FC236}">
                <a16:creationId xmlns:a16="http://schemas.microsoft.com/office/drawing/2014/main" id="{6F85B810-09DF-1246-9396-6B10844B8DFE}"/>
              </a:ext>
            </a:extLst>
          </p:cNvPr>
          <p:cNvPicPr>
            <a:picLocks noChangeAspect="1"/>
          </p:cNvPicPr>
          <p:nvPr/>
        </p:nvPicPr>
        <p:blipFill>
          <a:blip r:embed="rId14"/>
          <a:stretch>
            <a:fillRect/>
          </a:stretch>
        </p:blipFill>
        <p:spPr>
          <a:xfrm>
            <a:off x="4245762" y="1302362"/>
            <a:ext cx="3824665" cy="4759804"/>
          </a:xfrm>
          <a:prstGeom prst="rect">
            <a:avLst/>
          </a:prstGeom>
        </p:spPr>
      </p:pic>
      <p:sp>
        <p:nvSpPr>
          <p:cNvPr id="29" name="Rectangle 28">
            <a:extLst>
              <a:ext uri="{FF2B5EF4-FFF2-40B4-BE49-F238E27FC236}">
                <a16:creationId xmlns:a16="http://schemas.microsoft.com/office/drawing/2014/main" id="{A3149EF9-B7BB-6FC6-68CD-4092DCAEB22C}"/>
              </a:ext>
            </a:extLst>
          </p:cNvPr>
          <p:cNvSpPr>
            <a:spLocks/>
          </p:cNvSpPr>
          <p:nvPr/>
        </p:nvSpPr>
        <p:spPr>
          <a:xfrm>
            <a:off x="4245761" y="949181"/>
            <a:ext cx="5468095"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Enjoy!</a:t>
            </a:r>
          </a:p>
        </p:txBody>
      </p:sp>
      <p:sp>
        <p:nvSpPr>
          <p:cNvPr id="30" name="TextBox 29">
            <a:extLst>
              <a:ext uri="{FF2B5EF4-FFF2-40B4-BE49-F238E27FC236}">
                <a16:creationId xmlns:a16="http://schemas.microsoft.com/office/drawing/2014/main" id="{F4B639C9-EF7E-3A48-541D-6301665811D1}"/>
              </a:ext>
            </a:extLst>
          </p:cNvPr>
          <p:cNvSpPr txBox="1"/>
          <p:nvPr/>
        </p:nvSpPr>
        <p:spPr>
          <a:xfrm>
            <a:off x="8244163" y="3772494"/>
            <a:ext cx="1481328" cy="2246769"/>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Use the left arrow and right arrow located in the bottom right of your keyboard to move the Pot of Gold across your screen! Collect 30 Coins to win! </a:t>
            </a:r>
          </a:p>
        </p:txBody>
      </p:sp>
      <p:sp>
        <p:nvSpPr>
          <p:cNvPr id="31" name="Rectangle 30">
            <a:extLst>
              <a:ext uri="{FF2B5EF4-FFF2-40B4-BE49-F238E27FC236}">
                <a16:creationId xmlns:a16="http://schemas.microsoft.com/office/drawing/2014/main" id="{91470DE2-6B65-16F0-BA8B-33DE6DEF91E8}"/>
              </a:ext>
            </a:extLst>
          </p:cNvPr>
          <p:cNvSpPr>
            <a:spLocks/>
          </p:cNvSpPr>
          <p:nvPr/>
        </p:nvSpPr>
        <p:spPr>
          <a:xfrm>
            <a:off x="8244163" y="3429000"/>
            <a:ext cx="1481328"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Tip</a:t>
            </a:r>
          </a:p>
        </p:txBody>
      </p:sp>
      <p:sp>
        <p:nvSpPr>
          <p:cNvPr id="32" name="TextBox 31">
            <a:extLst>
              <a:ext uri="{FF2B5EF4-FFF2-40B4-BE49-F238E27FC236}">
                <a16:creationId xmlns:a16="http://schemas.microsoft.com/office/drawing/2014/main" id="{E5CE0713-160C-EF7F-FF22-EA48F1C09D42}"/>
              </a:ext>
            </a:extLst>
          </p:cNvPr>
          <p:cNvSpPr txBox="1"/>
          <p:nvPr/>
        </p:nvSpPr>
        <p:spPr>
          <a:xfrm>
            <a:off x="8232528" y="1291423"/>
            <a:ext cx="1481328" cy="954107"/>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Press the Green Flag in the top left to begin the game!</a:t>
            </a:r>
          </a:p>
        </p:txBody>
      </p:sp>
      <mc:AlternateContent xmlns:mc="http://schemas.openxmlformats.org/markup-compatibility/2006">
        <mc:Choice xmlns:p14="http://schemas.microsoft.com/office/powerpoint/2010/main" Requires="p14">
          <p:contentPart p14:bwMode="auto" r:id="rId15">
            <p14:nvContentPartPr>
              <p14:cNvPr id="4" name="Ink 3">
                <a:extLst>
                  <a:ext uri="{FF2B5EF4-FFF2-40B4-BE49-F238E27FC236}">
                    <a16:creationId xmlns:a16="http://schemas.microsoft.com/office/drawing/2014/main" id="{8B7E8887-FCD4-AD64-9EE3-76961CF7B201}"/>
                  </a:ext>
                </a:extLst>
              </p14:cNvPr>
              <p14:cNvContentPartPr/>
              <p14:nvPr/>
            </p14:nvContentPartPr>
            <p14:xfrm>
              <a:off x="1664404" y="2740722"/>
              <a:ext cx="804240" cy="720"/>
            </p14:xfrm>
          </p:contentPart>
        </mc:Choice>
        <mc:Fallback>
          <p:pic>
            <p:nvPicPr>
              <p:cNvPr id="4" name="Ink 3">
                <a:extLst>
                  <a:ext uri="{FF2B5EF4-FFF2-40B4-BE49-F238E27FC236}">
                    <a16:creationId xmlns:a16="http://schemas.microsoft.com/office/drawing/2014/main" id="{8B7E8887-FCD4-AD64-9EE3-76961CF7B201}"/>
                  </a:ext>
                </a:extLst>
              </p:cNvPr>
              <p:cNvPicPr/>
              <p:nvPr/>
            </p:nvPicPr>
            <p:blipFill>
              <a:blip r:embed="rId16"/>
              <a:stretch>
                <a:fillRect/>
              </a:stretch>
            </p:blipFill>
            <p:spPr>
              <a:xfrm>
                <a:off x="1658284" y="2728482"/>
                <a:ext cx="816480" cy="25200"/>
              </a:xfrm>
              <a:prstGeom prst="rect">
                <a:avLst/>
              </a:prstGeom>
            </p:spPr>
          </p:pic>
        </mc:Fallback>
      </mc:AlternateContent>
      <mc:AlternateContent xmlns:mc="http://schemas.openxmlformats.org/markup-compatibility/2006">
        <mc:Choice xmlns:p14="http://schemas.microsoft.com/office/powerpoint/2010/main" Requires="p14">
          <p:contentPart p14:bwMode="auto" r:id="rId17">
            <p14:nvContentPartPr>
              <p14:cNvPr id="9" name="Ink 8">
                <a:extLst>
                  <a:ext uri="{FF2B5EF4-FFF2-40B4-BE49-F238E27FC236}">
                    <a16:creationId xmlns:a16="http://schemas.microsoft.com/office/drawing/2014/main" id="{BA564006-B87D-9938-8407-9E21AD6D5358}"/>
                  </a:ext>
                </a:extLst>
              </p14:cNvPr>
              <p14:cNvContentPartPr/>
              <p14:nvPr/>
            </p14:nvContentPartPr>
            <p14:xfrm>
              <a:off x="1640095" y="2518749"/>
              <a:ext cx="839230" cy="214342"/>
            </p14:xfrm>
          </p:contentPart>
        </mc:Choice>
        <mc:Fallback>
          <p:pic>
            <p:nvPicPr>
              <p:cNvPr id="9" name="Ink 8">
                <a:extLst>
                  <a:ext uri="{FF2B5EF4-FFF2-40B4-BE49-F238E27FC236}">
                    <a16:creationId xmlns:a16="http://schemas.microsoft.com/office/drawing/2014/main" id="{BA564006-B87D-9938-8407-9E21AD6D5358}"/>
                  </a:ext>
                </a:extLst>
              </p:cNvPr>
              <p:cNvPicPr/>
              <p:nvPr/>
            </p:nvPicPr>
            <p:blipFill>
              <a:blip r:embed="rId18"/>
              <a:stretch>
                <a:fillRect/>
              </a:stretch>
            </p:blipFill>
            <p:spPr>
              <a:xfrm>
                <a:off x="1633974" y="2512625"/>
                <a:ext cx="851471" cy="226590"/>
              </a:xfrm>
              <a:prstGeom prst="rect">
                <a:avLst/>
              </a:prstGeom>
            </p:spPr>
          </p:pic>
        </mc:Fallback>
      </mc:AlternateContent>
      <p:pic>
        <p:nvPicPr>
          <p:cNvPr id="7" name="Graphic 6" descr="Mouse with solid fill">
            <a:extLst>
              <a:ext uri="{FF2B5EF4-FFF2-40B4-BE49-F238E27FC236}">
                <a16:creationId xmlns:a16="http://schemas.microsoft.com/office/drawing/2014/main" id="{392FDB5E-5467-2DAE-5DA7-5A8D16C48035}"/>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a:off x="3195099" y="3551151"/>
            <a:ext cx="879714" cy="879714"/>
          </a:xfrm>
          <a:prstGeom prst="rect">
            <a:avLst/>
          </a:prstGeom>
        </p:spPr>
      </p:pic>
      <mc:AlternateContent xmlns:mc="http://schemas.openxmlformats.org/markup-compatibility/2006">
        <mc:Choice xmlns:p14="http://schemas.microsoft.com/office/powerpoint/2010/main" Requires="p14">
          <p:contentPart p14:bwMode="auto" r:id="rId21">
            <p14:nvContentPartPr>
              <p14:cNvPr id="11" name="Ink 10">
                <a:extLst>
                  <a:ext uri="{FF2B5EF4-FFF2-40B4-BE49-F238E27FC236}">
                    <a16:creationId xmlns:a16="http://schemas.microsoft.com/office/drawing/2014/main" id="{802AF795-6843-1D38-FF31-6AB11139AFFA}"/>
                  </a:ext>
                </a:extLst>
              </p14:cNvPr>
              <p14:cNvContentPartPr/>
              <p14:nvPr/>
            </p14:nvContentPartPr>
            <p14:xfrm rot="-2700000">
              <a:off x="3529948" y="3610283"/>
              <a:ext cx="431480" cy="431480"/>
            </p14:xfrm>
          </p:contentPart>
        </mc:Choice>
        <mc:Fallback>
          <p:pic>
            <p:nvPicPr>
              <p:cNvPr id="11" name="Ink 10">
                <a:extLst>
                  <a:ext uri="{FF2B5EF4-FFF2-40B4-BE49-F238E27FC236}">
                    <a16:creationId xmlns:a16="http://schemas.microsoft.com/office/drawing/2014/main" id="{802AF795-6843-1D38-FF31-6AB11139AFFA}"/>
                  </a:ext>
                </a:extLst>
              </p:cNvPr>
              <p:cNvPicPr/>
              <p:nvPr/>
            </p:nvPicPr>
            <p:blipFill>
              <a:blip r:embed="rId22"/>
              <a:stretch>
                <a:fillRect/>
              </a:stretch>
            </p:blipFill>
            <p:spPr>
              <a:xfrm rot="-2700000">
                <a:off x="3523830" y="3604165"/>
                <a:ext cx="443715" cy="443715"/>
              </a:xfrm>
              <a:prstGeom prst="rect">
                <a:avLst/>
              </a:prstGeom>
            </p:spPr>
          </p:pic>
        </mc:Fallback>
      </mc:AlternateContent>
      <mc:AlternateContent xmlns:mc="http://schemas.openxmlformats.org/markup-compatibility/2006">
        <mc:Choice xmlns:p14="http://schemas.microsoft.com/office/powerpoint/2010/main" Requires="p14">
          <p:contentPart p14:bwMode="auto" r:id="rId23">
            <p14:nvContentPartPr>
              <p14:cNvPr id="12" name="Ink 11">
                <a:extLst>
                  <a:ext uri="{FF2B5EF4-FFF2-40B4-BE49-F238E27FC236}">
                    <a16:creationId xmlns:a16="http://schemas.microsoft.com/office/drawing/2014/main" id="{0407F825-CBA9-D1C4-97F9-2720390C1FCB}"/>
                  </a:ext>
                </a:extLst>
              </p14:cNvPr>
              <p14:cNvContentPartPr/>
              <p14:nvPr/>
            </p14:nvContentPartPr>
            <p14:xfrm>
              <a:off x="3714349" y="3755154"/>
              <a:ext cx="72720" cy="7920"/>
            </p14:xfrm>
          </p:contentPart>
        </mc:Choice>
        <mc:Fallback>
          <p:pic>
            <p:nvPicPr>
              <p:cNvPr id="12" name="Ink 11">
                <a:extLst>
                  <a:ext uri="{FF2B5EF4-FFF2-40B4-BE49-F238E27FC236}">
                    <a16:creationId xmlns:a16="http://schemas.microsoft.com/office/drawing/2014/main" id="{0407F825-CBA9-D1C4-97F9-2720390C1FCB}"/>
                  </a:ext>
                </a:extLst>
              </p:cNvPr>
              <p:cNvPicPr/>
              <p:nvPr/>
            </p:nvPicPr>
            <p:blipFill>
              <a:blip r:embed="rId24"/>
              <a:stretch>
                <a:fillRect/>
              </a:stretch>
            </p:blipFill>
            <p:spPr>
              <a:xfrm>
                <a:off x="3708259" y="3749034"/>
                <a:ext cx="84900" cy="20160"/>
              </a:xfrm>
              <a:prstGeom prst="rect">
                <a:avLst/>
              </a:prstGeom>
            </p:spPr>
          </p:pic>
        </mc:Fallback>
      </mc:AlternateContent>
      <mc:AlternateContent xmlns:mc="http://schemas.openxmlformats.org/markup-compatibility/2006">
        <mc:Choice xmlns:p14="http://schemas.microsoft.com/office/powerpoint/2010/main" Requires="p14">
          <p:contentPart p14:bwMode="auto" r:id="rId25">
            <p14:nvContentPartPr>
              <p14:cNvPr id="13" name="Ink 12">
                <a:extLst>
                  <a:ext uri="{FF2B5EF4-FFF2-40B4-BE49-F238E27FC236}">
                    <a16:creationId xmlns:a16="http://schemas.microsoft.com/office/drawing/2014/main" id="{B74030CD-4005-E1EA-EB4A-E8E977538FE8}"/>
                  </a:ext>
                </a:extLst>
              </p14:cNvPr>
              <p14:cNvContentPartPr/>
              <p14:nvPr/>
            </p14:nvContentPartPr>
            <p14:xfrm>
              <a:off x="3706789" y="3803034"/>
              <a:ext cx="96480" cy="360"/>
            </p14:xfrm>
          </p:contentPart>
        </mc:Choice>
        <mc:Fallback>
          <p:pic>
            <p:nvPicPr>
              <p:cNvPr id="13" name="Ink 12">
                <a:extLst>
                  <a:ext uri="{FF2B5EF4-FFF2-40B4-BE49-F238E27FC236}">
                    <a16:creationId xmlns:a16="http://schemas.microsoft.com/office/drawing/2014/main" id="{B74030CD-4005-E1EA-EB4A-E8E977538FE8}"/>
                  </a:ext>
                </a:extLst>
              </p:cNvPr>
              <p:cNvPicPr/>
              <p:nvPr/>
            </p:nvPicPr>
            <p:blipFill>
              <a:blip r:embed="rId26"/>
              <a:stretch>
                <a:fillRect/>
              </a:stretch>
            </p:blipFill>
            <p:spPr>
              <a:xfrm>
                <a:off x="3700669" y="3796914"/>
                <a:ext cx="108720" cy="12600"/>
              </a:xfrm>
              <a:prstGeom prst="rect">
                <a:avLst/>
              </a:prstGeom>
            </p:spPr>
          </p:pic>
        </mc:Fallback>
      </mc:AlternateContent>
      <mc:AlternateContent xmlns:mc="http://schemas.openxmlformats.org/markup-compatibility/2006">
        <mc:Choice xmlns:p14="http://schemas.microsoft.com/office/powerpoint/2010/main" Requires="p14">
          <p:contentPart p14:bwMode="auto" r:id="rId27">
            <p14:nvContentPartPr>
              <p14:cNvPr id="24" name="Ink 23">
                <a:extLst>
                  <a:ext uri="{FF2B5EF4-FFF2-40B4-BE49-F238E27FC236}">
                    <a16:creationId xmlns:a16="http://schemas.microsoft.com/office/drawing/2014/main" id="{102CEC86-A29C-816C-EA87-158307D1AC4D}"/>
                  </a:ext>
                </a:extLst>
              </p14:cNvPr>
              <p14:cNvContentPartPr/>
              <p14:nvPr/>
            </p14:nvContentPartPr>
            <p14:xfrm>
              <a:off x="3730189" y="3972954"/>
              <a:ext cx="38520" cy="360"/>
            </p14:xfrm>
          </p:contentPart>
        </mc:Choice>
        <mc:Fallback>
          <p:pic>
            <p:nvPicPr>
              <p:cNvPr id="24" name="Ink 23">
                <a:extLst>
                  <a:ext uri="{FF2B5EF4-FFF2-40B4-BE49-F238E27FC236}">
                    <a16:creationId xmlns:a16="http://schemas.microsoft.com/office/drawing/2014/main" id="{102CEC86-A29C-816C-EA87-158307D1AC4D}"/>
                  </a:ext>
                </a:extLst>
              </p:cNvPr>
              <p:cNvPicPr/>
              <p:nvPr/>
            </p:nvPicPr>
            <p:blipFill>
              <a:blip r:embed="rId28"/>
              <a:stretch>
                <a:fillRect/>
              </a:stretch>
            </p:blipFill>
            <p:spPr>
              <a:xfrm>
                <a:off x="3724069" y="3966834"/>
                <a:ext cx="50760" cy="12600"/>
              </a:xfrm>
              <a:prstGeom prst="rect">
                <a:avLst/>
              </a:prstGeom>
            </p:spPr>
          </p:pic>
        </mc:Fallback>
      </mc:AlternateContent>
      <mc:AlternateContent xmlns:mc="http://schemas.openxmlformats.org/markup-compatibility/2006">
        <mc:Choice xmlns:p14="http://schemas.microsoft.com/office/powerpoint/2010/main" Requires="p14">
          <p:contentPart p14:bwMode="auto" r:id="rId29">
            <p14:nvContentPartPr>
              <p14:cNvPr id="33" name="Ink 32">
                <a:extLst>
                  <a:ext uri="{FF2B5EF4-FFF2-40B4-BE49-F238E27FC236}">
                    <a16:creationId xmlns:a16="http://schemas.microsoft.com/office/drawing/2014/main" id="{9ECAB9F8-3064-3640-332A-DF72A2B601B4}"/>
                  </a:ext>
                </a:extLst>
              </p14:cNvPr>
              <p14:cNvContentPartPr/>
              <p14:nvPr/>
            </p14:nvContentPartPr>
            <p14:xfrm>
              <a:off x="3714349" y="3689634"/>
              <a:ext cx="43560" cy="3600"/>
            </p14:xfrm>
          </p:contentPart>
        </mc:Choice>
        <mc:Fallback>
          <p:pic>
            <p:nvPicPr>
              <p:cNvPr id="33" name="Ink 32">
                <a:extLst>
                  <a:ext uri="{FF2B5EF4-FFF2-40B4-BE49-F238E27FC236}">
                    <a16:creationId xmlns:a16="http://schemas.microsoft.com/office/drawing/2014/main" id="{9ECAB9F8-3064-3640-332A-DF72A2B601B4}"/>
                  </a:ext>
                </a:extLst>
              </p:cNvPr>
              <p:cNvPicPr/>
              <p:nvPr/>
            </p:nvPicPr>
            <p:blipFill>
              <a:blip r:embed="rId30"/>
              <a:stretch>
                <a:fillRect/>
              </a:stretch>
            </p:blipFill>
            <p:spPr>
              <a:xfrm>
                <a:off x="3708279" y="3683514"/>
                <a:ext cx="55700" cy="15840"/>
              </a:xfrm>
              <a:prstGeom prst="rect">
                <a:avLst/>
              </a:prstGeom>
            </p:spPr>
          </p:pic>
        </mc:Fallback>
      </mc:AlternateContent>
      <p:grpSp>
        <p:nvGrpSpPr>
          <p:cNvPr id="36" name="Group 35">
            <a:extLst>
              <a:ext uri="{FF2B5EF4-FFF2-40B4-BE49-F238E27FC236}">
                <a16:creationId xmlns:a16="http://schemas.microsoft.com/office/drawing/2014/main" id="{571E11FD-67A7-9AE2-9D81-D9717398ACCD}"/>
              </a:ext>
            </a:extLst>
          </p:cNvPr>
          <p:cNvGrpSpPr/>
          <p:nvPr/>
        </p:nvGrpSpPr>
        <p:grpSpPr>
          <a:xfrm>
            <a:off x="3705709" y="3851634"/>
            <a:ext cx="100440" cy="89280"/>
            <a:chOff x="3705709" y="3851634"/>
            <a:chExt cx="100440" cy="89280"/>
          </a:xfrm>
        </p:grpSpPr>
        <mc:AlternateContent xmlns:mc="http://schemas.openxmlformats.org/markup-compatibility/2006">
          <mc:Choice xmlns:p14="http://schemas.microsoft.com/office/powerpoint/2010/main" Requires="p14">
            <p:contentPart p14:bwMode="auto" r:id="rId31">
              <p14:nvContentPartPr>
                <p14:cNvPr id="17" name="Ink 16">
                  <a:extLst>
                    <a:ext uri="{FF2B5EF4-FFF2-40B4-BE49-F238E27FC236}">
                      <a16:creationId xmlns:a16="http://schemas.microsoft.com/office/drawing/2014/main" id="{C789C6A5-139D-B203-D308-CB4AD1259539}"/>
                    </a:ext>
                  </a:extLst>
                </p14:cNvPr>
                <p14:cNvContentPartPr/>
                <p14:nvPr/>
              </p14:nvContentPartPr>
              <p14:xfrm>
                <a:off x="3722269" y="3851634"/>
                <a:ext cx="83880" cy="24840"/>
              </p14:xfrm>
            </p:contentPart>
          </mc:Choice>
          <mc:Fallback>
            <p:pic>
              <p:nvPicPr>
                <p:cNvPr id="17" name="Ink 16">
                  <a:extLst>
                    <a:ext uri="{FF2B5EF4-FFF2-40B4-BE49-F238E27FC236}">
                      <a16:creationId xmlns:a16="http://schemas.microsoft.com/office/drawing/2014/main" id="{C789C6A5-139D-B203-D308-CB4AD1259539}"/>
                    </a:ext>
                  </a:extLst>
                </p:cNvPr>
                <p:cNvPicPr/>
                <p:nvPr/>
              </p:nvPicPr>
              <p:blipFill>
                <a:blip r:embed="rId32"/>
                <a:stretch>
                  <a:fillRect/>
                </a:stretch>
              </p:blipFill>
              <p:spPr>
                <a:xfrm>
                  <a:off x="3716123" y="3845514"/>
                  <a:ext cx="96173" cy="37080"/>
                </a:xfrm>
                <a:prstGeom prst="rect">
                  <a:avLst/>
                </a:prstGeom>
              </p:spPr>
            </p:pic>
          </mc:Fallback>
        </mc:AlternateContent>
        <mc:AlternateContent xmlns:mc="http://schemas.openxmlformats.org/markup-compatibility/2006">
          <mc:Choice xmlns:p14="http://schemas.microsoft.com/office/powerpoint/2010/main" Requires="p14">
            <p:contentPart p14:bwMode="auto" r:id="rId33">
              <p14:nvContentPartPr>
                <p14:cNvPr id="18" name="Ink 17">
                  <a:extLst>
                    <a:ext uri="{FF2B5EF4-FFF2-40B4-BE49-F238E27FC236}">
                      <a16:creationId xmlns:a16="http://schemas.microsoft.com/office/drawing/2014/main" id="{3EE49A02-26B3-368B-A425-3A1C816CA338}"/>
                    </a:ext>
                  </a:extLst>
                </p14:cNvPr>
                <p14:cNvContentPartPr/>
                <p14:nvPr/>
              </p14:nvContentPartPr>
              <p14:xfrm>
                <a:off x="3771589" y="3891954"/>
                <a:ext cx="31680" cy="10080"/>
              </p14:xfrm>
            </p:contentPart>
          </mc:Choice>
          <mc:Fallback>
            <p:pic>
              <p:nvPicPr>
                <p:cNvPr id="18" name="Ink 17">
                  <a:extLst>
                    <a:ext uri="{FF2B5EF4-FFF2-40B4-BE49-F238E27FC236}">
                      <a16:creationId xmlns:a16="http://schemas.microsoft.com/office/drawing/2014/main" id="{3EE49A02-26B3-368B-A425-3A1C816CA338}"/>
                    </a:ext>
                  </a:extLst>
                </p:cNvPr>
                <p:cNvPicPr/>
                <p:nvPr/>
              </p:nvPicPr>
              <p:blipFill>
                <a:blip r:embed="rId34"/>
                <a:stretch>
                  <a:fillRect/>
                </a:stretch>
              </p:blipFill>
              <p:spPr>
                <a:xfrm>
                  <a:off x="3765469" y="3885607"/>
                  <a:ext cx="43920" cy="22773"/>
                </a:xfrm>
                <a:prstGeom prst="rect">
                  <a:avLst/>
                </a:prstGeom>
              </p:spPr>
            </p:pic>
          </mc:Fallback>
        </mc:AlternateContent>
        <mc:AlternateContent xmlns:mc="http://schemas.openxmlformats.org/markup-compatibility/2006">
          <mc:Choice xmlns:p14="http://schemas.microsoft.com/office/powerpoint/2010/main" Requires="p14">
            <p:contentPart p14:bwMode="auto" r:id="rId35">
              <p14:nvContentPartPr>
                <p14:cNvPr id="21" name="Ink 20">
                  <a:extLst>
                    <a:ext uri="{FF2B5EF4-FFF2-40B4-BE49-F238E27FC236}">
                      <a16:creationId xmlns:a16="http://schemas.microsoft.com/office/drawing/2014/main" id="{82746851-88C7-82C5-F086-055AA09E6B98}"/>
                    </a:ext>
                  </a:extLst>
                </p14:cNvPr>
                <p14:cNvContentPartPr/>
                <p14:nvPr/>
              </p14:nvContentPartPr>
              <p14:xfrm>
                <a:off x="3705709" y="3940554"/>
                <a:ext cx="85320" cy="360"/>
              </p14:xfrm>
            </p:contentPart>
          </mc:Choice>
          <mc:Fallback>
            <p:pic>
              <p:nvPicPr>
                <p:cNvPr id="21" name="Ink 20">
                  <a:extLst>
                    <a:ext uri="{FF2B5EF4-FFF2-40B4-BE49-F238E27FC236}">
                      <a16:creationId xmlns:a16="http://schemas.microsoft.com/office/drawing/2014/main" id="{82746851-88C7-82C5-F086-055AA09E6B98}"/>
                    </a:ext>
                  </a:extLst>
                </p:cNvPr>
                <p:cNvPicPr/>
                <p:nvPr/>
              </p:nvPicPr>
              <p:blipFill>
                <a:blip r:embed="rId36"/>
                <a:stretch>
                  <a:fillRect/>
                </a:stretch>
              </p:blipFill>
              <p:spPr>
                <a:xfrm>
                  <a:off x="3699589" y="3934434"/>
                  <a:ext cx="97560" cy="12600"/>
                </a:xfrm>
                <a:prstGeom prst="rect">
                  <a:avLst/>
                </a:prstGeom>
              </p:spPr>
            </p:pic>
          </mc:Fallback>
        </mc:AlternateContent>
        <mc:AlternateContent xmlns:mc="http://schemas.openxmlformats.org/markup-compatibility/2006">
          <mc:Choice xmlns:p14="http://schemas.microsoft.com/office/powerpoint/2010/main" Requires="p14">
            <p:contentPart p14:bwMode="auto" r:id="rId37">
              <p14:nvContentPartPr>
                <p14:cNvPr id="34" name="Ink 33">
                  <a:extLst>
                    <a:ext uri="{FF2B5EF4-FFF2-40B4-BE49-F238E27FC236}">
                      <a16:creationId xmlns:a16="http://schemas.microsoft.com/office/drawing/2014/main" id="{397E5E68-9E45-2DD8-CBF4-C457BCC46E97}"/>
                    </a:ext>
                  </a:extLst>
                </p14:cNvPr>
                <p14:cNvContentPartPr/>
                <p14:nvPr/>
              </p14:nvContentPartPr>
              <p14:xfrm>
                <a:off x="3801469" y="3916434"/>
                <a:ext cx="1800" cy="360"/>
              </p14:xfrm>
            </p:contentPart>
          </mc:Choice>
          <mc:Fallback>
            <p:pic>
              <p:nvPicPr>
                <p:cNvPr id="34" name="Ink 33">
                  <a:extLst>
                    <a:ext uri="{FF2B5EF4-FFF2-40B4-BE49-F238E27FC236}">
                      <a16:creationId xmlns:a16="http://schemas.microsoft.com/office/drawing/2014/main" id="{397E5E68-9E45-2DD8-CBF4-C457BCC46E97}"/>
                    </a:ext>
                  </a:extLst>
                </p:cNvPr>
                <p:cNvPicPr/>
                <p:nvPr/>
              </p:nvPicPr>
              <p:blipFill>
                <a:blip r:embed="rId38"/>
                <a:stretch>
                  <a:fillRect/>
                </a:stretch>
              </p:blipFill>
              <p:spPr>
                <a:xfrm>
                  <a:off x="3795349" y="3910314"/>
                  <a:ext cx="14040" cy="12600"/>
                </a:xfrm>
                <a:prstGeom prst="rect">
                  <a:avLst/>
                </a:prstGeom>
              </p:spPr>
            </p:pic>
          </mc:Fallback>
        </mc:AlternateContent>
      </p:grpSp>
      <mc:AlternateContent xmlns:mc="http://schemas.openxmlformats.org/markup-compatibility/2006">
        <mc:Choice xmlns:p14="http://schemas.microsoft.com/office/powerpoint/2010/main" Requires="p14">
          <p:contentPart p14:bwMode="auto" r:id="rId39">
            <p14:nvContentPartPr>
              <p14:cNvPr id="35" name="Ink 34">
                <a:extLst>
                  <a:ext uri="{FF2B5EF4-FFF2-40B4-BE49-F238E27FC236}">
                    <a16:creationId xmlns:a16="http://schemas.microsoft.com/office/drawing/2014/main" id="{6983C995-08D2-3ABD-7080-D498D6E18464}"/>
                  </a:ext>
                </a:extLst>
              </p14:cNvPr>
              <p14:cNvContentPartPr/>
              <p14:nvPr/>
            </p14:nvContentPartPr>
            <p14:xfrm>
              <a:off x="3794989" y="3989154"/>
              <a:ext cx="360" cy="360"/>
            </p14:xfrm>
          </p:contentPart>
        </mc:Choice>
        <mc:Fallback>
          <p:pic>
            <p:nvPicPr>
              <p:cNvPr id="35" name="Ink 34">
                <a:extLst>
                  <a:ext uri="{FF2B5EF4-FFF2-40B4-BE49-F238E27FC236}">
                    <a16:creationId xmlns:a16="http://schemas.microsoft.com/office/drawing/2014/main" id="{6983C995-08D2-3ABD-7080-D498D6E18464}"/>
                  </a:ext>
                </a:extLst>
              </p:cNvPr>
              <p:cNvPicPr/>
              <p:nvPr/>
            </p:nvPicPr>
            <p:blipFill>
              <a:blip r:embed="rId40"/>
              <a:stretch>
                <a:fillRect/>
              </a:stretch>
            </p:blipFill>
            <p:spPr>
              <a:xfrm>
                <a:off x="3788869" y="3983034"/>
                <a:ext cx="12600" cy="12600"/>
              </a:xfrm>
              <a:prstGeom prst="rect">
                <a:avLst/>
              </a:prstGeom>
            </p:spPr>
          </p:pic>
        </mc:Fallback>
      </mc:AlternateContent>
      <mc:AlternateContent xmlns:mc="http://schemas.openxmlformats.org/markup-compatibility/2006">
        <mc:Choice xmlns:p14="http://schemas.microsoft.com/office/powerpoint/2010/main" Requires="p14">
          <p:contentPart p14:bwMode="auto" r:id="rId41">
            <p14:nvContentPartPr>
              <p14:cNvPr id="37" name="Ink 36">
                <a:extLst>
                  <a:ext uri="{FF2B5EF4-FFF2-40B4-BE49-F238E27FC236}">
                    <a16:creationId xmlns:a16="http://schemas.microsoft.com/office/drawing/2014/main" id="{5B0E87A5-A9D9-1B61-73EE-8A91EE266DF1}"/>
                  </a:ext>
                </a:extLst>
              </p14:cNvPr>
              <p14:cNvContentPartPr/>
              <p14:nvPr/>
            </p14:nvContentPartPr>
            <p14:xfrm>
              <a:off x="3730189" y="3722394"/>
              <a:ext cx="360" cy="360"/>
            </p14:xfrm>
          </p:contentPart>
        </mc:Choice>
        <mc:Fallback>
          <p:pic>
            <p:nvPicPr>
              <p:cNvPr id="37" name="Ink 36">
                <a:extLst>
                  <a:ext uri="{FF2B5EF4-FFF2-40B4-BE49-F238E27FC236}">
                    <a16:creationId xmlns:a16="http://schemas.microsoft.com/office/drawing/2014/main" id="{5B0E87A5-A9D9-1B61-73EE-8A91EE266DF1}"/>
                  </a:ext>
                </a:extLst>
              </p:cNvPr>
              <p:cNvPicPr/>
              <p:nvPr/>
            </p:nvPicPr>
            <p:blipFill>
              <a:blip r:embed="rId40"/>
              <a:stretch>
                <a:fillRect/>
              </a:stretch>
            </p:blipFill>
            <p:spPr>
              <a:xfrm>
                <a:off x="3724069" y="3716274"/>
                <a:ext cx="12600" cy="12600"/>
              </a:xfrm>
              <a:prstGeom prst="rect">
                <a:avLst/>
              </a:prstGeom>
            </p:spPr>
          </p:pic>
        </mc:Fallback>
      </mc:AlternateContent>
    </p:spTree>
    <p:custDataLst>
      <p:tags r:id="rId1"/>
    </p:custDataLst>
    <p:extLst>
      <p:ext uri="{BB962C8B-B14F-4D97-AF65-F5344CB8AC3E}">
        <p14:creationId xmlns:p14="http://schemas.microsoft.com/office/powerpoint/2010/main" val="161291926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80CFDA09-E627-547D-295A-188F3585E8A9}"/>
              </a:ext>
            </a:extLst>
          </p:cNvPr>
          <p:cNvPicPr>
            <a:picLocks noChangeAspect="1"/>
          </p:cNvPicPr>
          <p:nvPr/>
        </p:nvPicPr>
        <p:blipFill>
          <a:blip r:embed="rId3"/>
          <a:stretch>
            <a:fillRect/>
          </a:stretch>
        </p:blipFill>
        <p:spPr>
          <a:xfrm>
            <a:off x="4283696" y="1611240"/>
            <a:ext cx="3413055" cy="4193721"/>
          </a:xfrm>
          <a:prstGeom prst="rect">
            <a:avLst/>
          </a:prstGeom>
        </p:spPr>
      </p:pic>
      <p:sp>
        <p:nvSpPr>
          <p:cNvPr id="25" name="TextBox 24">
            <a:extLst>
              <a:ext uri="{FF2B5EF4-FFF2-40B4-BE49-F238E27FC236}">
                <a16:creationId xmlns:a16="http://schemas.microsoft.com/office/drawing/2014/main" id="{F2A8048E-1816-1641-990F-7862A6C744CE}"/>
              </a:ext>
            </a:extLst>
          </p:cNvPr>
          <p:cNvSpPr txBox="1">
            <a:spLocks/>
          </p:cNvSpPr>
          <p:nvPr/>
        </p:nvSpPr>
        <p:spPr bwMode="auto">
          <a:xfrm>
            <a:off x="7860172" y="1775231"/>
            <a:ext cx="1762562" cy="2122632"/>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marL="232172" indent="-232172">
              <a:buFontTx/>
              <a:buChar char="-"/>
            </a:pPr>
            <a:r>
              <a:rPr lang="en-US" sz="1400"/>
              <a:t>For each Costume</a:t>
            </a:r>
          </a:p>
          <a:p>
            <a:pPr marL="232172" indent="-232172">
              <a:buFontTx/>
              <a:buChar char="-"/>
            </a:pPr>
            <a:endParaRPr lang="en-US" sz="900"/>
          </a:p>
          <a:p>
            <a:pPr marL="232172" indent="-232172">
              <a:buFontTx/>
              <a:buChar char="-"/>
            </a:pPr>
            <a:r>
              <a:rPr lang="en-US" sz="1400"/>
              <a:t>Select Fill Bucket and set the Fill </a:t>
            </a:r>
            <a:r>
              <a:rPr lang="en-US" sz="1400" err="1"/>
              <a:t>Colour</a:t>
            </a:r>
            <a:r>
              <a:rPr lang="en-US" sz="1400"/>
              <a:t>.</a:t>
            </a:r>
          </a:p>
          <a:p>
            <a:pPr marL="232172" indent="-232172">
              <a:buFontTx/>
              <a:buChar char="-"/>
            </a:pPr>
            <a:endParaRPr lang="en-US" sz="800"/>
          </a:p>
          <a:p>
            <a:pPr marL="232172" indent="-232172">
              <a:buFontTx/>
              <a:buChar char="-"/>
            </a:pPr>
            <a:r>
              <a:rPr lang="en-US" sz="1400"/>
              <a:t>Click the wizard to change the </a:t>
            </a:r>
            <a:r>
              <a:rPr lang="en-US" sz="1400" err="1"/>
              <a:t>colour</a:t>
            </a:r>
            <a:r>
              <a:rPr lang="en-US" sz="900"/>
              <a:t>.</a:t>
            </a:r>
          </a:p>
        </p:txBody>
      </p:sp>
      <p:sp>
        <p:nvSpPr>
          <p:cNvPr id="2" name="Title 1">
            <a:extLst>
              <a:ext uri="{FF2B5EF4-FFF2-40B4-BE49-F238E27FC236}">
                <a16:creationId xmlns:a16="http://schemas.microsoft.com/office/drawing/2014/main" id="{16286832-B7B2-4E34-9C99-74B913E7FE93}"/>
              </a:ext>
            </a:extLst>
          </p:cNvPr>
          <p:cNvSpPr>
            <a:spLocks noGrp="1"/>
          </p:cNvSpPr>
          <p:nvPr>
            <p:ph type="title"/>
          </p:nvPr>
        </p:nvSpPr>
        <p:spPr>
          <a:xfrm>
            <a:off x="702196" y="24473"/>
            <a:ext cx="8543925" cy="1325563"/>
          </a:xfrm>
        </p:spPr>
        <p:txBody>
          <a:bodyPr/>
          <a:lstStyle/>
          <a:p>
            <a:r>
              <a:rPr lang="en-US"/>
              <a:t>Happy St. Patrick’s Day – level 1</a:t>
            </a:r>
            <a:br>
              <a:rPr lang="en-US"/>
            </a:br>
            <a:r>
              <a:rPr lang="en-US" sz="1138"/>
              <a:t>Curriculum Connect: St. Patrick’s Day. STEM - Technology – coding. English sentence structure and conversation</a:t>
            </a:r>
            <a:endParaRPr lang="en-US"/>
          </a:p>
        </p:txBody>
      </p:sp>
      <p:sp>
        <p:nvSpPr>
          <p:cNvPr id="29" name="Rectangle 28">
            <a:extLst>
              <a:ext uri="{FF2B5EF4-FFF2-40B4-BE49-F238E27FC236}">
                <a16:creationId xmlns:a16="http://schemas.microsoft.com/office/drawing/2014/main" id="{17F5337E-78AC-3240-A550-AF21BCB4671E}"/>
              </a:ext>
            </a:extLst>
          </p:cNvPr>
          <p:cNvSpPr>
            <a:spLocks/>
          </p:cNvSpPr>
          <p:nvPr/>
        </p:nvSpPr>
        <p:spPr>
          <a:xfrm>
            <a:off x="602864" y="1272949"/>
            <a:ext cx="3005903"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Stage and Sprites</a:t>
            </a:r>
          </a:p>
        </p:txBody>
      </p:sp>
      <p:sp>
        <p:nvSpPr>
          <p:cNvPr id="8" name="Rectangle 7">
            <a:extLst>
              <a:ext uri="{FF2B5EF4-FFF2-40B4-BE49-F238E27FC236}">
                <a16:creationId xmlns:a16="http://schemas.microsoft.com/office/drawing/2014/main" id="{327FD144-021F-305E-7DF0-4BC98DE5A74A}"/>
              </a:ext>
            </a:extLst>
          </p:cNvPr>
          <p:cNvSpPr>
            <a:spLocks/>
          </p:cNvSpPr>
          <p:nvPr/>
        </p:nvSpPr>
        <p:spPr>
          <a:xfrm>
            <a:off x="4283696" y="1287874"/>
            <a:ext cx="3411662"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Edit Wizard</a:t>
            </a:r>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D3BEE74A-A486-F797-8043-3FCB989C1BB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246121" y="295272"/>
            <a:ext cx="391811" cy="391982"/>
          </a:xfrm>
          <a:prstGeom prst="rect">
            <a:avLst/>
          </a:prstGeom>
        </p:spPr>
      </p:pic>
      <p:sp>
        <p:nvSpPr>
          <p:cNvPr id="61" name="Rectangle 60">
            <a:extLst>
              <a:ext uri="{FF2B5EF4-FFF2-40B4-BE49-F238E27FC236}">
                <a16:creationId xmlns:a16="http://schemas.microsoft.com/office/drawing/2014/main" id="{084F9B08-4D9E-A58E-6901-99C390ECFB3F}"/>
              </a:ext>
            </a:extLst>
          </p:cNvPr>
          <p:cNvSpPr/>
          <p:nvPr/>
        </p:nvSpPr>
        <p:spPr>
          <a:xfrm>
            <a:off x="334267" y="6329495"/>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4" name="Picture 3">
            <a:extLst>
              <a:ext uri="{FF2B5EF4-FFF2-40B4-BE49-F238E27FC236}">
                <a16:creationId xmlns:a16="http://schemas.microsoft.com/office/drawing/2014/main" id="{C7A110E0-C82F-1299-8248-1B4F7F79B4E6}"/>
              </a:ext>
            </a:extLst>
          </p:cNvPr>
          <p:cNvPicPr>
            <a:picLocks noChangeAspect="1"/>
          </p:cNvPicPr>
          <p:nvPr/>
        </p:nvPicPr>
        <p:blipFill>
          <a:blip r:embed="rId5"/>
          <a:stretch>
            <a:fillRect/>
          </a:stretch>
        </p:blipFill>
        <p:spPr>
          <a:xfrm>
            <a:off x="602864" y="1578152"/>
            <a:ext cx="2987565" cy="3403713"/>
          </a:xfrm>
          <a:prstGeom prst="rect">
            <a:avLst/>
          </a:prstGeom>
        </p:spPr>
      </p:pic>
      <p:sp>
        <p:nvSpPr>
          <p:cNvPr id="58" name="Arrow: Down 57">
            <a:extLst>
              <a:ext uri="{FF2B5EF4-FFF2-40B4-BE49-F238E27FC236}">
                <a16:creationId xmlns:a16="http://schemas.microsoft.com/office/drawing/2014/main" id="{42B31397-D90F-C68B-0A45-7E13350D98B9}"/>
              </a:ext>
            </a:extLst>
          </p:cNvPr>
          <p:cNvSpPr/>
          <p:nvPr/>
        </p:nvSpPr>
        <p:spPr>
          <a:xfrm rot="14788806">
            <a:off x="4612031" y="2514834"/>
            <a:ext cx="170338" cy="471348"/>
          </a:xfrm>
          <a:prstGeom prst="down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sz="1463"/>
          </a:p>
        </p:txBody>
      </p:sp>
      <p:sp>
        <p:nvSpPr>
          <p:cNvPr id="7" name="Arrow: Down 6">
            <a:extLst>
              <a:ext uri="{FF2B5EF4-FFF2-40B4-BE49-F238E27FC236}">
                <a16:creationId xmlns:a16="http://schemas.microsoft.com/office/drawing/2014/main" id="{BA9B8B1D-8813-4C6B-CA97-B40411884F90}"/>
              </a:ext>
            </a:extLst>
          </p:cNvPr>
          <p:cNvSpPr/>
          <p:nvPr/>
        </p:nvSpPr>
        <p:spPr>
          <a:xfrm rot="14788806">
            <a:off x="4612030" y="4194446"/>
            <a:ext cx="170338" cy="471348"/>
          </a:xfrm>
          <a:prstGeom prst="down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sz="1463"/>
          </a:p>
        </p:txBody>
      </p:sp>
      <p:pic>
        <p:nvPicPr>
          <p:cNvPr id="5" name="Graphic 4" descr="Shamrock with solid fill">
            <a:extLst>
              <a:ext uri="{FF2B5EF4-FFF2-40B4-BE49-F238E27FC236}">
                <a16:creationId xmlns:a16="http://schemas.microsoft.com/office/drawing/2014/main" id="{6828176A-340F-4EB2-0698-9C95126CF722}"/>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8070427" y="162343"/>
            <a:ext cx="914400" cy="914400"/>
          </a:xfrm>
          <a:prstGeom prst="rect">
            <a:avLst/>
          </a:prstGeom>
        </p:spPr>
      </p:pic>
      <p:sp>
        <p:nvSpPr>
          <p:cNvPr id="27" name="TextBox 26">
            <a:extLst>
              <a:ext uri="{FF2B5EF4-FFF2-40B4-BE49-F238E27FC236}">
                <a16:creationId xmlns:a16="http://schemas.microsoft.com/office/drawing/2014/main" id="{0BAC329F-828F-3548-B1F5-915ADA140274}"/>
              </a:ext>
            </a:extLst>
          </p:cNvPr>
          <p:cNvSpPr txBox="1">
            <a:spLocks/>
          </p:cNvSpPr>
          <p:nvPr/>
        </p:nvSpPr>
        <p:spPr bwMode="auto">
          <a:xfrm>
            <a:off x="602863" y="5157568"/>
            <a:ext cx="2987565" cy="962964"/>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p>
            <a:pPr defTabSz="742913">
              <a:buClr>
                <a:srgbClr val="FFFFFF"/>
              </a:buClr>
              <a:defRPr/>
            </a:pPr>
            <a:r>
              <a:rPr lang="en-US" sz="1400">
                <a:latin typeface="Ericsson Hilda Light"/>
              </a:rPr>
              <a:t>Select a Stage</a:t>
            </a:r>
          </a:p>
          <a:p>
            <a:pPr defTabSz="742913">
              <a:buClr>
                <a:srgbClr val="FFFFFF"/>
              </a:buClr>
              <a:defRPr/>
            </a:pPr>
            <a:endParaRPr lang="en-US" sz="1400">
              <a:latin typeface="Ericsson Hilda Light"/>
            </a:endParaRPr>
          </a:p>
          <a:p>
            <a:pPr defTabSz="742913">
              <a:buClr>
                <a:srgbClr val="FFFFFF"/>
              </a:buClr>
              <a:defRPr/>
            </a:pPr>
            <a:r>
              <a:rPr lang="en-US" sz="1400">
                <a:latin typeface="Ericsson Hilda Light"/>
              </a:rPr>
              <a:t>Add “Wizard” and “Snake” Sprites</a:t>
            </a:r>
          </a:p>
          <a:p>
            <a:pPr defTabSz="742913">
              <a:buClr>
                <a:srgbClr val="FFFFFF"/>
              </a:buClr>
              <a:defRPr/>
            </a:pPr>
            <a:endParaRPr lang="en-US" sz="1200">
              <a:latin typeface="Ericsson Hilda Light"/>
            </a:endParaRPr>
          </a:p>
        </p:txBody>
      </p:sp>
    </p:spTree>
    <p:custDataLst>
      <p:tags r:id="rId1"/>
    </p:custDataLst>
    <p:extLst>
      <p:ext uri="{BB962C8B-B14F-4D97-AF65-F5344CB8AC3E}">
        <p14:creationId xmlns:p14="http://schemas.microsoft.com/office/powerpoint/2010/main" val="8978890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extBox 22">
            <a:extLst>
              <a:ext uri="{FF2B5EF4-FFF2-40B4-BE49-F238E27FC236}">
                <a16:creationId xmlns:a16="http://schemas.microsoft.com/office/drawing/2014/main" id="{B4B1A803-017C-211C-7249-1D2DF0573FC0}"/>
              </a:ext>
            </a:extLst>
          </p:cNvPr>
          <p:cNvSpPr txBox="1">
            <a:spLocks/>
          </p:cNvSpPr>
          <p:nvPr/>
        </p:nvSpPr>
        <p:spPr bwMode="auto">
          <a:xfrm>
            <a:off x="624737" y="1409412"/>
            <a:ext cx="5396326" cy="654532"/>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r>
              <a:rPr lang="en-US" sz="1400"/>
              <a:t>Use “Say” blocks and “Wait” blocks to allow the character to talk to each other</a:t>
            </a:r>
          </a:p>
        </p:txBody>
      </p:sp>
      <p:sp>
        <p:nvSpPr>
          <p:cNvPr id="24" name="Rectangle 23">
            <a:extLst>
              <a:ext uri="{FF2B5EF4-FFF2-40B4-BE49-F238E27FC236}">
                <a16:creationId xmlns:a16="http://schemas.microsoft.com/office/drawing/2014/main" id="{88F14DBE-CB4E-183F-38AB-19AD65C98112}"/>
              </a:ext>
            </a:extLst>
          </p:cNvPr>
          <p:cNvSpPr>
            <a:spLocks/>
          </p:cNvSpPr>
          <p:nvPr/>
        </p:nvSpPr>
        <p:spPr>
          <a:xfrm>
            <a:off x="643290" y="1069311"/>
            <a:ext cx="5363813" cy="3401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ode – Wizard</a:t>
            </a:r>
          </a:p>
        </p:txBody>
      </p:sp>
      <p:sp>
        <p:nvSpPr>
          <p:cNvPr id="13" name="Rectangle 12">
            <a:extLst>
              <a:ext uri="{FF2B5EF4-FFF2-40B4-BE49-F238E27FC236}">
                <a16:creationId xmlns:a16="http://schemas.microsoft.com/office/drawing/2014/main" id="{1670F225-8DF4-9CCA-9A7A-3F003CE22F5A}"/>
              </a:ext>
            </a:extLst>
          </p:cNvPr>
          <p:cNvSpPr>
            <a:spLocks/>
          </p:cNvSpPr>
          <p:nvPr/>
        </p:nvSpPr>
        <p:spPr>
          <a:xfrm>
            <a:off x="6402965" y="1069312"/>
            <a:ext cx="2878298" cy="3401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ode – Snake</a:t>
            </a:r>
          </a:p>
        </p:txBody>
      </p:sp>
      <p:pic>
        <p:nvPicPr>
          <p:cNvPr id="1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ECBD05F2-C566-05B1-DC2B-E72B0FBCEDE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217840" y="284787"/>
            <a:ext cx="391811" cy="391982"/>
          </a:xfrm>
          <a:prstGeom prst="rect">
            <a:avLst/>
          </a:prstGeom>
        </p:spPr>
      </p:pic>
      <p:sp>
        <p:nvSpPr>
          <p:cNvPr id="15" name="Rectangle 14">
            <a:extLst>
              <a:ext uri="{FF2B5EF4-FFF2-40B4-BE49-F238E27FC236}">
                <a16:creationId xmlns:a16="http://schemas.microsoft.com/office/drawing/2014/main" id="{FB6F42D3-88B1-6ACB-5C5C-254E55066788}"/>
              </a:ext>
            </a:extLst>
          </p:cNvPr>
          <p:cNvSpPr/>
          <p:nvPr/>
        </p:nvSpPr>
        <p:spPr>
          <a:xfrm>
            <a:off x="232505" y="6372626"/>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3" name="Picture 2">
            <a:extLst>
              <a:ext uri="{FF2B5EF4-FFF2-40B4-BE49-F238E27FC236}">
                <a16:creationId xmlns:a16="http://schemas.microsoft.com/office/drawing/2014/main" id="{C8F8A2A0-26F8-6DBA-0B83-D73599B842AD}"/>
              </a:ext>
            </a:extLst>
          </p:cNvPr>
          <p:cNvPicPr>
            <a:picLocks noChangeAspect="1"/>
          </p:cNvPicPr>
          <p:nvPr/>
        </p:nvPicPr>
        <p:blipFill>
          <a:blip r:embed="rId4"/>
          <a:stretch>
            <a:fillRect/>
          </a:stretch>
        </p:blipFill>
        <p:spPr>
          <a:xfrm>
            <a:off x="643291" y="2063944"/>
            <a:ext cx="5377772" cy="2549710"/>
          </a:xfrm>
          <a:prstGeom prst="rect">
            <a:avLst/>
          </a:prstGeom>
        </p:spPr>
      </p:pic>
      <p:pic>
        <p:nvPicPr>
          <p:cNvPr id="5" name="Picture 4">
            <a:extLst>
              <a:ext uri="{FF2B5EF4-FFF2-40B4-BE49-F238E27FC236}">
                <a16:creationId xmlns:a16="http://schemas.microsoft.com/office/drawing/2014/main" id="{C0685E05-4B9C-EB70-7807-3E38514491D3}"/>
              </a:ext>
            </a:extLst>
          </p:cNvPr>
          <p:cNvPicPr>
            <a:picLocks noChangeAspect="1"/>
          </p:cNvPicPr>
          <p:nvPr/>
        </p:nvPicPr>
        <p:blipFill>
          <a:blip r:embed="rId5"/>
          <a:stretch>
            <a:fillRect/>
          </a:stretch>
        </p:blipFill>
        <p:spPr>
          <a:xfrm>
            <a:off x="6402965" y="1409412"/>
            <a:ext cx="2878298" cy="2613495"/>
          </a:xfrm>
          <a:prstGeom prst="rect">
            <a:avLst/>
          </a:prstGeom>
        </p:spPr>
      </p:pic>
      <p:sp>
        <p:nvSpPr>
          <p:cNvPr id="6" name="Title 1">
            <a:extLst>
              <a:ext uri="{FF2B5EF4-FFF2-40B4-BE49-F238E27FC236}">
                <a16:creationId xmlns:a16="http://schemas.microsoft.com/office/drawing/2014/main" id="{1ABD4C1E-FBF8-FBA0-2235-929ED9BFB151}"/>
              </a:ext>
            </a:extLst>
          </p:cNvPr>
          <p:cNvSpPr txBox="1">
            <a:spLocks/>
          </p:cNvSpPr>
          <p:nvPr/>
        </p:nvSpPr>
        <p:spPr>
          <a:xfrm>
            <a:off x="798413" y="110813"/>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1</a:t>
            </a:r>
            <a:br>
              <a:rPr lang="en-US" sz="3575"/>
            </a:br>
            <a:r>
              <a:rPr lang="en-US" sz="1138"/>
              <a:t>Curriculum Connect: St. Patrick’s Day. STEM - Technology – coding. English sentence structure and conversation</a:t>
            </a:r>
            <a:endParaRPr lang="en-US" sz="3575"/>
          </a:p>
        </p:txBody>
      </p:sp>
      <p:pic>
        <p:nvPicPr>
          <p:cNvPr id="2" name="Graphic 1" descr="Shamrock with solid fill">
            <a:extLst>
              <a:ext uri="{FF2B5EF4-FFF2-40B4-BE49-F238E27FC236}">
                <a16:creationId xmlns:a16="http://schemas.microsoft.com/office/drawing/2014/main" id="{C55501E2-A9B7-CD67-B59F-C932EE8B88E6}"/>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8070427" y="162343"/>
            <a:ext cx="914400" cy="914400"/>
          </a:xfrm>
          <a:prstGeom prst="rect">
            <a:avLst/>
          </a:prstGeom>
        </p:spPr>
      </p:pic>
      <p:pic>
        <p:nvPicPr>
          <p:cNvPr id="8" name="Picture 7">
            <a:extLst>
              <a:ext uri="{FF2B5EF4-FFF2-40B4-BE49-F238E27FC236}">
                <a16:creationId xmlns:a16="http://schemas.microsoft.com/office/drawing/2014/main" id="{09E4480D-9C0E-DC21-DE66-038235BA4BA4}"/>
              </a:ext>
            </a:extLst>
          </p:cNvPr>
          <p:cNvPicPr>
            <a:picLocks noChangeAspect="1"/>
          </p:cNvPicPr>
          <p:nvPr/>
        </p:nvPicPr>
        <p:blipFill>
          <a:blip r:embed="rId8"/>
          <a:stretch>
            <a:fillRect/>
          </a:stretch>
        </p:blipFill>
        <p:spPr>
          <a:xfrm>
            <a:off x="6362428" y="4161552"/>
            <a:ext cx="2814875" cy="2159064"/>
          </a:xfrm>
          <a:prstGeom prst="rect">
            <a:avLst/>
          </a:prstGeom>
        </p:spPr>
      </p:pic>
      <p:sp>
        <p:nvSpPr>
          <p:cNvPr id="9" name="Arrow: Right 8">
            <a:extLst>
              <a:ext uri="{FF2B5EF4-FFF2-40B4-BE49-F238E27FC236}">
                <a16:creationId xmlns:a16="http://schemas.microsoft.com/office/drawing/2014/main" id="{1C560C8E-9897-BD27-2B31-C6131F468162}"/>
              </a:ext>
            </a:extLst>
          </p:cNvPr>
          <p:cNvSpPr/>
          <p:nvPr/>
        </p:nvSpPr>
        <p:spPr>
          <a:xfrm rot="19819244">
            <a:off x="5300756" y="4459881"/>
            <a:ext cx="1107259" cy="214281"/>
          </a:xfrm>
          <a:prstGeom prst="right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algn="ctr"/>
            <a:endParaRPr lang="en-IE"/>
          </a:p>
        </p:txBody>
      </p:sp>
      <p:sp>
        <p:nvSpPr>
          <p:cNvPr id="4" name="TextBox 3">
            <a:extLst>
              <a:ext uri="{FF2B5EF4-FFF2-40B4-BE49-F238E27FC236}">
                <a16:creationId xmlns:a16="http://schemas.microsoft.com/office/drawing/2014/main" id="{9CAF931E-ED67-2237-904A-B6B056F66787}"/>
              </a:ext>
            </a:extLst>
          </p:cNvPr>
          <p:cNvSpPr txBox="1">
            <a:spLocks/>
          </p:cNvSpPr>
          <p:nvPr/>
        </p:nvSpPr>
        <p:spPr bwMode="auto">
          <a:xfrm>
            <a:off x="4303394" y="4741832"/>
            <a:ext cx="1796897" cy="1046857"/>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r>
              <a:rPr lang="en-US" sz="1400"/>
              <a:t>Press the Green Flag to see St. Patrick and the snake having a laugh!</a:t>
            </a:r>
          </a:p>
        </p:txBody>
      </p:sp>
    </p:spTree>
    <p:custDataLst>
      <p:tags r:id="rId1"/>
    </p:custDataLst>
    <p:extLst>
      <p:ext uri="{BB962C8B-B14F-4D97-AF65-F5344CB8AC3E}">
        <p14:creationId xmlns:p14="http://schemas.microsoft.com/office/powerpoint/2010/main" val="389393523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ECBD05F2-C566-05B1-DC2B-E72B0FBCEDE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203804" y="423704"/>
            <a:ext cx="391811" cy="391982"/>
          </a:xfrm>
          <a:prstGeom prst="rect">
            <a:avLst/>
          </a:prstGeom>
        </p:spPr>
      </p:pic>
      <p:sp>
        <p:nvSpPr>
          <p:cNvPr id="15" name="Rectangle 14">
            <a:extLst>
              <a:ext uri="{FF2B5EF4-FFF2-40B4-BE49-F238E27FC236}">
                <a16:creationId xmlns:a16="http://schemas.microsoft.com/office/drawing/2014/main" id="{FB6F42D3-88B1-6ACB-5C5C-254E55066788}"/>
              </a:ext>
            </a:extLst>
          </p:cNvPr>
          <p:cNvSpPr/>
          <p:nvPr/>
        </p:nvSpPr>
        <p:spPr>
          <a:xfrm>
            <a:off x="355072" y="640913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6" name="Title 1">
            <a:extLst>
              <a:ext uri="{FF2B5EF4-FFF2-40B4-BE49-F238E27FC236}">
                <a16:creationId xmlns:a16="http://schemas.microsoft.com/office/drawing/2014/main" id="{1ABD4C1E-FBF8-FBA0-2235-929ED9BFB151}"/>
              </a:ext>
            </a:extLst>
          </p:cNvPr>
          <p:cNvSpPr txBox="1">
            <a:spLocks/>
          </p:cNvSpPr>
          <p:nvPr/>
        </p:nvSpPr>
        <p:spPr>
          <a:xfrm>
            <a:off x="702196" y="81185"/>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2</a:t>
            </a:r>
            <a:br>
              <a:rPr lang="en-US" sz="3575"/>
            </a:br>
            <a:r>
              <a:rPr lang="en-US" sz="1138"/>
              <a:t>Curriculum Connect: St. Patrick’s Day. STEM - Technology – coding. English sentence structure and conversation </a:t>
            </a:r>
            <a:endParaRPr lang="en-US" sz="3575"/>
          </a:p>
        </p:txBody>
      </p:sp>
      <p:sp>
        <p:nvSpPr>
          <p:cNvPr id="2" name="Rectangle 1">
            <a:extLst>
              <a:ext uri="{FF2B5EF4-FFF2-40B4-BE49-F238E27FC236}">
                <a16:creationId xmlns:a16="http://schemas.microsoft.com/office/drawing/2014/main" id="{CA1DBF2E-BAA6-6577-550A-CD7EED83BA67}"/>
              </a:ext>
            </a:extLst>
          </p:cNvPr>
          <p:cNvSpPr>
            <a:spLocks/>
          </p:cNvSpPr>
          <p:nvPr/>
        </p:nvSpPr>
        <p:spPr>
          <a:xfrm>
            <a:off x="328736" y="1269637"/>
            <a:ext cx="3325020" cy="3401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Stage and Sprite</a:t>
            </a:r>
          </a:p>
        </p:txBody>
      </p:sp>
      <p:pic>
        <p:nvPicPr>
          <p:cNvPr id="3" name="Graphic 2" descr="Shamrock with solid fill">
            <a:extLst>
              <a:ext uri="{FF2B5EF4-FFF2-40B4-BE49-F238E27FC236}">
                <a16:creationId xmlns:a16="http://schemas.microsoft.com/office/drawing/2014/main" id="{2565EDC8-F4CB-3967-F526-C5488D82342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070427" y="162343"/>
            <a:ext cx="914400" cy="914400"/>
          </a:xfrm>
          <a:prstGeom prst="rect">
            <a:avLst/>
          </a:prstGeom>
        </p:spPr>
      </p:pic>
      <p:pic>
        <p:nvPicPr>
          <p:cNvPr id="13" name="Picture 12">
            <a:extLst>
              <a:ext uri="{FF2B5EF4-FFF2-40B4-BE49-F238E27FC236}">
                <a16:creationId xmlns:a16="http://schemas.microsoft.com/office/drawing/2014/main" id="{E99E00C8-5B6D-4EFE-47C5-5F021833A6C7}"/>
              </a:ext>
            </a:extLst>
          </p:cNvPr>
          <p:cNvPicPr>
            <a:picLocks noChangeAspect="1"/>
          </p:cNvPicPr>
          <p:nvPr/>
        </p:nvPicPr>
        <p:blipFill>
          <a:blip r:embed="rId6"/>
          <a:stretch>
            <a:fillRect/>
          </a:stretch>
        </p:blipFill>
        <p:spPr>
          <a:xfrm>
            <a:off x="355072" y="1609739"/>
            <a:ext cx="3298684" cy="3758169"/>
          </a:xfrm>
          <a:prstGeom prst="rect">
            <a:avLst/>
          </a:prstGeom>
        </p:spPr>
      </p:pic>
      <p:pic>
        <p:nvPicPr>
          <p:cNvPr id="16" name="Picture 15">
            <a:extLst>
              <a:ext uri="{FF2B5EF4-FFF2-40B4-BE49-F238E27FC236}">
                <a16:creationId xmlns:a16="http://schemas.microsoft.com/office/drawing/2014/main" id="{89974901-A8EC-69EC-6136-56DC5D1B044C}"/>
              </a:ext>
            </a:extLst>
          </p:cNvPr>
          <p:cNvPicPr>
            <a:picLocks noChangeAspect="1"/>
          </p:cNvPicPr>
          <p:nvPr/>
        </p:nvPicPr>
        <p:blipFill>
          <a:blip r:embed="rId7"/>
          <a:stretch>
            <a:fillRect/>
          </a:stretch>
        </p:blipFill>
        <p:spPr>
          <a:xfrm>
            <a:off x="4000828" y="1642947"/>
            <a:ext cx="2384225" cy="2929567"/>
          </a:xfrm>
          <a:prstGeom prst="rect">
            <a:avLst/>
          </a:prstGeom>
        </p:spPr>
      </p:pic>
      <p:sp>
        <p:nvSpPr>
          <p:cNvPr id="17" name="TextBox 16">
            <a:extLst>
              <a:ext uri="{FF2B5EF4-FFF2-40B4-BE49-F238E27FC236}">
                <a16:creationId xmlns:a16="http://schemas.microsoft.com/office/drawing/2014/main" id="{61E8148A-192D-47EC-5252-0071CC777B94}"/>
              </a:ext>
            </a:extLst>
          </p:cNvPr>
          <p:cNvSpPr txBox="1">
            <a:spLocks/>
          </p:cNvSpPr>
          <p:nvPr/>
        </p:nvSpPr>
        <p:spPr bwMode="auto">
          <a:xfrm>
            <a:off x="4000827" y="4616887"/>
            <a:ext cx="2384225" cy="1448101"/>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marL="232172" indent="-232172">
              <a:buFontTx/>
              <a:buChar char="-"/>
            </a:pPr>
            <a:r>
              <a:rPr lang="en-US" sz="1400"/>
              <a:t>For each Costume</a:t>
            </a:r>
          </a:p>
          <a:p>
            <a:pPr marL="232172" indent="-232172">
              <a:buFontTx/>
              <a:buChar char="-"/>
            </a:pPr>
            <a:endParaRPr lang="en-US" sz="900"/>
          </a:p>
          <a:p>
            <a:pPr marL="232172" indent="-232172">
              <a:buFontTx/>
              <a:buChar char="-"/>
            </a:pPr>
            <a:r>
              <a:rPr lang="en-US" sz="1400"/>
              <a:t>Select Fill Bucket and set the Fill </a:t>
            </a:r>
            <a:r>
              <a:rPr lang="en-US" sz="1400" err="1"/>
              <a:t>Colour</a:t>
            </a:r>
            <a:r>
              <a:rPr lang="en-US" sz="1400"/>
              <a:t>.</a:t>
            </a:r>
          </a:p>
          <a:p>
            <a:pPr marL="232172" indent="-232172">
              <a:buFontTx/>
              <a:buChar char="-"/>
            </a:pPr>
            <a:endParaRPr lang="en-US" sz="800"/>
          </a:p>
          <a:p>
            <a:pPr marL="232172" indent="-232172">
              <a:buFontTx/>
              <a:buChar char="-"/>
            </a:pPr>
            <a:r>
              <a:rPr lang="en-US" sz="1400"/>
              <a:t>Click the wizard to change the </a:t>
            </a:r>
            <a:r>
              <a:rPr lang="en-US" sz="1400" err="1"/>
              <a:t>colour</a:t>
            </a:r>
            <a:r>
              <a:rPr lang="en-US" sz="900"/>
              <a:t>.</a:t>
            </a:r>
          </a:p>
        </p:txBody>
      </p:sp>
      <p:sp>
        <p:nvSpPr>
          <p:cNvPr id="18" name="Rectangle 17">
            <a:extLst>
              <a:ext uri="{FF2B5EF4-FFF2-40B4-BE49-F238E27FC236}">
                <a16:creationId xmlns:a16="http://schemas.microsoft.com/office/drawing/2014/main" id="{105543BF-9F1C-B933-984D-2FC9E23D728E}"/>
              </a:ext>
            </a:extLst>
          </p:cNvPr>
          <p:cNvSpPr>
            <a:spLocks/>
          </p:cNvSpPr>
          <p:nvPr/>
        </p:nvSpPr>
        <p:spPr>
          <a:xfrm>
            <a:off x="4000828" y="1269636"/>
            <a:ext cx="2384225" cy="3401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Stage and Sprite</a:t>
            </a:r>
          </a:p>
        </p:txBody>
      </p:sp>
      <p:pic>
        <p:nvPicPr>
          <p:cNvPr id="20" name="Picture 19">
            <a:extLst>
              <a:ext uri="{FF2B5EF4-FFF2-40B4-BE49-F238E27FC236}">
                <a16:creationId xmlns:a16="http://schemas.microsoft.com/office/drawing/2014/main" id="{BF9312C8-0320-2C12-EBE0-18CBEF546878}"/>
              </a:ext>
            </a:extLst>
          </p:cNvPr>
          <p:cNvPicPr>
            <a:picLocks noChangeAspect="1"/>
          </p:cNvPicPr>
          <p:nvPr/>
        </p:nvPicPr>
        <p:blipFill>
          <a:blip r:embed="rId8"/>
          <a:stretch>
            <a:fillRect/>
          </a:stretch>
        </p:blipFill>
        <p:spPr>
          <a:xfrm>
            <a:off x="6629749" y="1642947"/>
            <a:ext cx="3054283" cy="1433543"/>
          </a:xfrm>
          <a:prstGeom prst="rect">
            <a:avLst/>
          </a:prstGeom>
        </p:spPr>
      </p:pic>
      <p:pic>
        <p:nvPicPr>
          <p:cNvPr id="22" name="Picture 21">
            <a:extLst>
              <a:ext uri="{FF2B5EF4-FFF2-40B4-BE49-F238E27FC236}">
                <a16:creationId xmlns:a16="http://schemas.microsoft.com/office/drawing/2014/main" id="{34DC334B-C080-BA3F-1E65-F83627E5801F}"/>
              </a:ext>
            </a:extLst>
          </p:cNvPr>
          <p:cNvPicPr>
            <a:picLocks noChangeAspect="1"/>
          </p:cNvPicPr>
          <p:nvPr/>
        </p:nvPicPr>
        <p:blipFill>
          <a:blip r:embed="rId9"/>
          <a:stretch>
            <a:fillRect/>
          </a:stretch>
        </p:blipFill>
        <p:spPr>
          <a:xfrm>
            <a:off x="6629749" y="3220915"/>
            <a:ext cx="3054282" cy="1449912"/>
          </a:xfrm>
          <a:prstGeom prst="rect">
            <a:avLst/>
          </a:prstGeom>
        </p:spPr>
      </p:pic>
      <mc:AlternateContent xmlns:mc="http://schemas.openxmlformats.org/markup-compatibility/2006">
        <mc:Choice xmlns:p14="http://schemas.microsoft.com/office/powerpoint/2010/main" Requires="p14">
          <p:contentPart p14:bwMode="auto" r:id="rId10">
            <p14:nvContentPartPr>
              <p14:cNvPr id="24" name="Ink 23">
                <a:extLst>
                  <a:ext uri="{FF2B5EF4-FFF2-40B4-BE49-F238E27FC236}">
                    <a16:creationId xmlns:a16="http://schemas.microsoft.com/office/drawing/2014/main" id="{22BB4262-BF8F-A377-1408-6FC1A9FC32A0}"/>
                  </a:ext>
                </a:extLst>
              </p14:cNvPr>
              <p14:cNvContentPartPr/>
              <p14:nvPr/>
            </p14:nvContentPartPr>
            <p14:xfrm>
              <a:off x="7948728" y="3505363"/>
              <a:ext cx="517930" cy="517930"/>
            </p14:xfrm>
          </p:contentPart>
        </mc:Choice>
        <mc:Fallback>
          <p:pic>
            <p:nvPicPr>
              <p:cNvPr id="24" name="Ink 23">
                <a:extLst>
                  <a:ext uri="{FF2B5EF4-FFF2-40B4-BE49-F238E27FC236}">
                    <a16:creationId xmlns:a16="http://schemas.microsoft.com/office/drawing/2014/main" id="{22BB4262-BF8F-A377-1408-6FC1A9FC32A0}"/>
                  </a:ext>
                </a:extLst>
              </p:cNvPr>
              <p:cNvPicPr/>
              <p:nvPr/>
            </p:nvPicPr>
            <p:blipFill>
              <a:blip r:embed="rId11"/>
              <a:stretch>
                <a:fillRect/>
              </a:stretch>
            </p:blipFill>
            <p:spPr>
              <a:xfrm>
                <a:off x="7942609" y="3499244"/>
                <a:ext cx="530167" cy="530167"/>
              </a:xfrm>
              <a:prstGeom prst="rect">
                <a:avLst/>
              </a:prstGeom>
            </p:spPr>
          </p:pic>
        </mc:Fallback>
      </mc:AlternateContent>
      <mc:AlternateContent xmlns:mc="http://schemas.openxmlformats.org/markup-compatibility/2006">
        <mc:Choice xmlns:p14="http://schemas.microsoft.com/office/powerpoint/2010/main" Requires="p14">
          <p:contentPart p14:bwMode="auto" r:id="rId12">
            <p14:nvContentPartPr>
              <p14:cNvPr id="26" name="Ink 25">
                <a:extLst>
                  <a:ext uri="{FF2B5EF4-FFF2-40B4-BE49-F238E27FC236}">
                    <a16:creationId xmlns:a16="http://schemas.microsoft.com/office/drawing/2014/main" id="{E2981E84-06BE-9B42-443F-3A002BACE7B7}"/>
                  </a:ext>
                </a:extLst>
              </p14:cNvPr>
              <p14:cNvContentPartPr/>
              <p14:nvPr/>
            </p14:nvContentPartPr>
            <p14:xfrm>
              <a:off x="7948728" y="1904004"/>
              <a:ext cx="537840" cy="538200"/>
            </p14:xfrm>
          </p:contentPart>
        </mc:Choice>
        <mc:Fallback>
          <p:pic>
            <p:nvPicPr>
              <p:cNvPr id="26" name="Ink 25">
                <a:extLst>
                  <a:ext uri="{FF2B5EF4-FFF2-40B4-BE49-F238E27FC236}">
                    <a16:creationId xmlns:a16="http://schemas.microsoft.com/office/drawing/2014/main" id="{E2981E84-06BE-9B42-443F-3A002BACE7B7}"/>
                  </a:ext>
                </a:extLst>
              </p:cNvPr>
              <p:cNvPicPr/>
              <p:nvPr/>
            </p:nvPicPr>
            <p:blipFill>
              <a:blip r:embed="rId13"/>
              <a:stretch>
                <a:fillRect/>
              </a:stretch>
            </p:blipFill>
            <p:spPr>
              <a:xfrm>
                <a:off x="7942608" y="1897884"/>
                <a:ext cx="550080" cy="550440"/>
              </a:xfrm>
              <a:prstGeom prst="rect">
                <a:avLst/>
              </a:prstGeom>
            </p:spPr>
          </p:pic>
        </mc:Fallback>
      </mc:AlternateContent>
      <p:sp>
        <p:nvSpPr>
          <p:cNvPr id="27" name="TextBox 26">
            <a:extLst>
              <a:ext uri="{FF2B5EF4-FFF2-40B4-BE49-F238E27FC236}">
                <a16:creationId xmlns:a16="http://schemas.microsoft.com/office/drawing/2014/main" id="{F7B343C7-CA9B-F624-C627-9262E99EC9E0}"/>
              </a:ext>
            </a:extLst>
          </p:cNvPr>
          <p:cNvSpPr txBox="1">
            <a:spLocks/>
          </p:cNvSpPr>
          <p:nvPr/>
        </p:nvSpPr>
        <p:spPr bwMode="auto">
          <a:xfrm>
            <a:off x="6629749" y="4707888"/>
            <a:ext cx="3054282" cy="1004162"/>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r>
              <a:rPr lang="en-US" sz="1400"/>
              <a:t>Set The Size of the Wizard to 40</a:t>
            </a:r>
          </a:p>
          <a:p>
            <a:endParaRPr lang="en-US" sz="1400"/>
          </a:p>
          <a:p>
            <a:r>
              <a:rPr lang="en-US" sz="1400"/>
              <a:t>Set The Size of the Snake to 20.</a:t>
            </a:r>
          </a:p>
        </p:txBody>
      </p:sp>
      <p:sp>
        <p:nvSpPr>
          <p:cNvPr id="28" name="TextBox 27">
            <a:extLst>
              <a:ext uri="{FF2B5EF4-FFF2-40B4-BE49-F238E27FC236}">
                <a16:creationId xmlns:a16="http://schemas.microsoft.com/office/drawing/2014/main" id="{4A82CF97-52D2-6247-5CF7-DEF7DDA67FB1}"/>
              </a:ext>
            </a:extLst>
          </p:cNvPr>
          <p:cNvSpPr txBox="1">
            <a:spLocks/>
          </p:cNvSpPr>
          <p:nvPr/>
        </p:nvSpPr>
        <p:spPr bwMode="auto">
          <a:xfrm>
            <a:off x="328736" y="5367909"/>
            <a:ext cx="3325020" cy="697079"/>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marL="232172" indent="-232172">
              <a:buFontTx/>
              <a:buChar char="-"/>
            </a:pPr>
            <a:r>
              <a:rPr lang="en-US" sz="1200"/>
              <a:t>Select the Wizard and Snake Sprite</a:t>
            </a:r>
          </a:p>
          <a:p>
            <a:pPr marL="232172" indent="-232172">
              <a:buFontTx/>
              <a:buChar char="-"/>
            </a:pPr>
            <a:endParaRPr lang="en-US" sz="1200"/>
          </a:p>
          <a:p>
            <a:pPr marL="232172" indent="-232172">
              <a:buFontTx/>
              <a:buChar char="-"/>
            </a:pPr>
            <a:r>
              <a:rPr lang="en-US" sz="1200"/>
              <a:t>Select the Castle Backdrop.</a:t>
            </a:r>
          </a:p>
        </p:txBody>
      </p:sp>
      <p:sp>
        <p:nvSpPr>
          <p:cNvPr id="29" name="Rectangle 28">
            <a:extLst>
              <a:ext uri="{FF2B5EF4-FFF2-40B4-BE49-F238E27FC236}">
                <a16:creationId xmlns:a16="http://schemas.microsoft.com/office/drawing/2014/main" id="{4AD35876-7701-029F-4919-1BDE6E58ED6A}"/>
              </a:ext>
            </a:extLst>
          </p:cNvPr>
          <p:cNvSpPr>
            <a:spLocks/>
          </p:cNvSpPr>
          <p:nvPr/>
        </p:nvSpPr>
        <p:spPr>
          <a:xfrm>
            <a:off x="6629748" y="1284315"/>
            <a:ext cx="3054283" cy="3401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Stage and Sprite</a:t>
            </a:r>
          </a:p>
        </p:txBody>
      </p:sp>
    </p:spTree>
    <p:custDataLst>
      <p:tags r:id="rId1"/>
    </p:custDataLst>
    <p:extLst>
      <p:ext uri="{BB962C8B-B14F-4D97-AF65-F5344CB8AC3E}">
        <p14:creationId xmlns:p14="http://schemas.microsoft.com/office/powerpoint/2010/main" val="9653792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D252A364-7BF5-05DA-D57F-35966A9F9A07}"/>
              </a:ext>
            </a:extLst>
          </p:cNvPr>
          <p:cNvSpPr>
            <a:spLocks/>
          </p:cNvSpPr>
          <p:nvPr/>
        </p:nvSpPr>
        <p:spPr>
          <a:xfrm>
            <a:off x="5917673" y="1009901"/>
            <a:ext cx="2883657"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reate a Variable</a:t>
            </a:r>
          </a:p>
        </p:txBody>
      </p:sp>
      <p:pic>
        <p:nvPicPr>
          <p:cNvPr id="4" name="Picture 3">
            <a:extLst>
              <a:ext uri="{FF2B5EF4-FFF2-40B4-BE49-F238E27FC236}">
                <a16:creationId xmlns:a16="http://schemas.microsoft.com/office/drawing/2014/main" id="{66FF6FAF-776D-8250-9AEE-DB7969784291}"/>
              </a:ext>
            </a:extLst>
          </p:cNvPr>
          <p:cNvPicPr>
            <a:picLocks noChangeAspect="1"/>
          </p:cNvPicPr>
          <p:nvPr/>
        </p:nvPicPr>
        <p:blipFill>
          <a:blip r:embed="rId2"/>
          <a:stretch>
            <a:fillRect/>
          </a:stretch>
        </p:blipFill>
        <p:spPr>
          <a:xfrm>
            <a:off x="5937355" y="4361126"/>
            <a:ext cx="2873816" cy="1752500"/>
          </a:xfrm>
          <a:prstGeom prst="rect">
            <a:avLst/>
          </a:prstGeom>
        </p:spPr>
      </p:pic>
      <p:sp>
        <p:nvSpPr>
          <p:cNvPr id="5" name="TextBox 4">
            <a:extLst>
              <a:ext uri="{FF2B5EF4-FFF2-40B4-BE49-F238E27FC236}">
                <a16:creationId xmlns:a16="http://schemas.microsoft.com/office/drawing/2014/main" id="{93594431-A145-A540-6115-961BA8B66068}"/>
              </a:ext>
            </a:extLst>
          </p:cNvPr>
          <p:cNvSpPr txBox="1"/>
          <p:nvPr/>
        </p:nvSpPr>
        <p:spPr>
          <a:xfrm>
            <a:off x="5927514" y="3900361"/>
            <a:ext cx="2873816" cy="461665"/>
          </a:xfrm>
          <a:prstGeom prst="rect">
            <a:avLst/>
          </a:prstGeom>
          <a:solidFill>
            <a:schemeClr val="bg1">
              <a:lumMod val="95000"/>
            </a:schemeClr>
          </a:solidFill>
        </p:spPr>
        <p:txBody>
          <a:bodyPr wrap="square" rtlCol="0">
            <a:spAutoFit/>
          </a:bodyPr>
          <a:lstStyle/>
          <a:p>
            <a:r>
              <a:rPr lang="en-IE" sz="1200">
                <a:latin typeface="Ericsson Hilda Light" panose="00000400000000000000" pitchFamily="2" charset="0"/>
              </a:rPr>
              <a:t>Once you have this selected, select “Make a Variable” and name this “Score”</a:t>
            </a:r>
          </a:p>
        </p:txBody>
      </p:sp>
      <p:sp>
        <p:nvSpPr>
          <p:cNvPr id="6" name="TextBox 5">
            <a:extLst>
              <a:ext uri="{FF2B5EF4-FFF2-40B4-BE49-F238E27FC236}">
                <a16:creationId xmlns:a16="http://schemas.microsoft.com/office/drawing/2014/main" id="{310783EF-A7E3-9D86-D8D7-B446E8D5FB42}"/>
              </a:ext>
            </a:extLst>
          </p:cNvPr>
          <p:cNvSpPr txBox="1"/>
          <p:nvPr/>
        </p:nvSpPr>
        <p:spPr>
          <a:xfrm>
            <a:off x="5927514" y="1333597"/>
            <a:ext cx="2883657" cy="461665"/>
          </a:xfrm>
          <a:prstGeom prst="rect">
            <a:avLst/>
          </a:prstGeom>
          <a:solidFill>
            <a:schemeClr val="bg1">
              <a:lumMod val="95000"/>
            </a:schemeClr>
          </a:solidFill>
        </p:spPr>
        <p:txBody>
          <a:bodyPr wrap="square" rtlCol="0">
            <a:spAutoFit/>
          </a:bodyPr>
          <a:lstStyle/>
          <a:p>
            <a:r>
              <a:rPr lang="en-IE" sz="1200">
                <a:latin typeface="Ericsson Hilda Light" panose="00000400000000000000" pitchFamily="2" charset="0"/>
              </a:rPr>
              <a:t>Before we begin, Select Variable in the code menu and we will create a Variable.</a:t>
            </a:r>
          </a:p>
        </p:txBody>
      </p:sp>
      <p:pic>
        <p:nvPicPr>
          <p:cNvPr id="7" name="Picture 6">
            <a:extLst>
              <a:ext uri="{FF2B5EF4-FFF2-40B4-BE49-F238E27FC236}">
                <a16:creationId xmlns:a16="http://schemas.microsoft.com/office/drawing/2014/main" id="{4770CA89-78B9-4956-8171-08BCA8878D02}"/>
              </a:ext>
            </a:extLst>
          </p:cNvPr>
          <p:cNvPicPr>
            <a:picLocks noChangeAspect="1"/>
          </p:cNvPicPr>
          <p:nvPr/>
        </p:nvPicPr>
        <p:blipFill>
          <a:blip r:embed="rId3"/>
          <a:stretch>
            <a:fillRect/>
          </a:stretch>
        </p:blipFill>
        <p:spPr>
          <a:xfrm>
            <a:off x="5927514" y="1826040"/>
            <a:ext cx="2883657" cy="2074321"/>
          </a:xfrm>
          <a:prstGeom prst="rect">
            <a:avLst/>
          </a:prstGeom>
        </p:spPr>
      </p:pic>
      <p:pic>
        <p:nvPicPr>
          <p:cNvPr id="12" name="Picture 11">
            <a:extLst>
              <a:ext uri="{FF2B5EF4-FFF2-40B4-BE49-F238E27FC236}">
                <a16:creationId xmlns:a16="http://schemas.microsoft.com/office/drawing/2014/main" id="{AC753441-54CC-3714-E616-4F3140FA24FD}"/>
              </a:ext>
            </a:extLst>
          </p:cNvPr>
          <p:cNvPicPr>
            <a:picLocks noChangeAspect="1"/>
          </p:cNvPicPr>
          <p:nvPr/>
        </p:nvPicPr>
        <p:blipFill>
          <a:blip r:embed="rId4"/>
          <a:stretch>
            <a:fillRect/>
          </a:stretch>
        </p:blipFill>
        <p:spPr>
          <a:xfrm>
            <a:off x="1050973" y="1409194"/>
            <a:ext cx="3902027" cy="1831435"/>
          </a:xfrm>
          <a:prstGeom prst="rect">
            <a:avLst/>
          </a:prstGeom>
        </p:spPr>
      </p:pic>
      <p:pic>
        <p:nvPicPr>
          <p:cNvPr id="13" name="Picture 12">
            <a:extLst>
              <a:ext uri="{FF2B5EF4-FFF2-40B4-BE49-F238E27FC236}">
                <a16:creationId xmlns:a16="http://schemas.microsoft.com/office/drawing/2014/main" id="{6D844FAB-D2EB-8092-BA92-EAE460A13B54}"/>
              </a:ext>
            </a:extLst>
          </p:cNvPr>
          <p:cNvPicPr>
            <a:picLocks noChangeAspect="1"/>
          </p:cNvPicPr>
          <p:nvPr/>
        </p:nvPicPr>
        <p:blipFill>
          <a:blip r:embed="rId5"/>
          <a:stretch>
            <a:fillRect/>
          </a:stretch>
        </p:blipFill>
        <p:spPr>
          <a:xfrm>
            <a:off x="1058637" y="3330946"/>
            <a:ext cx="3894363" cy="1848710"/>
          </a:xfrm>
          <a:prstGeom prst="rect">
            <a:avLst/>
          </a:prstGeom>
        </p:spPr>
      </p:pic>
      <p:sp>
        <p:nvSpPr>
          <p:cNvPr id="14" name="TextBox 13">
            <a:extLst>
              <a:ext uri="{FF2B5EF4-FFF2-40B4-BE49-F238E27FC236}">
                <a16:creationId xmlns:a16="http://schemas.microsoft.com/office/drawing/2014/main" id="{0A0A8825-47B5-B777-2667-ED446B669BF0}"/>
              </a:ext>
            </a:extLst>
          </p:cNvPr>
          <p:cNvSpPr txBox="1">
            <a:spLocks/>
          </p:cNvSpPr>
          <p:nvPr/>
        </p:nvSpPr>
        <p:spPr bwMode="auto">
          <a:xfrm>
            <a:off x="1058637" y="5179656"/>
            <a:ext cx="3902027" cy="954192"/>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r>
              <a:rPr lang="en-US" sz="1400"/>
              <a:t>Set The Size of the Wizard to 40</a:t>
            </a:r>
          </a:p>
          <a:p>
            <a:endParaRPr lang="en-US" sz="1400"/>
          </a:p>
          <a:p>
            <a:r>
              <a:rPr lang="en-US" sz="1400"/>
              <a:t>Set The Size of the Snake to 20.</a:t>
            </a:r>
          </a:p>
        </p:txBody>
      </p:sp>
      <p:sp>
        <p:nvSpPr>
          <p:cNvPr id="15" name="Rectangle 14">
            <a:extLst>
              <a:ext uri="{FF2B5EF4-FFF2-40B4-BE49-F238E27FC236}">
                <a16:creationId xmlns:a16="http://schemas.microsoft.com/office/drawing/2014/main" id="{A8E4AC8B-53D8-2F09-8B4F-243C939EB9AB}"/>
              </a:ext>
            </a:extLst>
          </p:cNvPr>
          <p:cNvSpPr>
            <a:spLocks/>
          </p:cNvSpPr>
          <p:nvPr/>
        </p:nvSpPr>
        <p:spPr>
          <a:xfrm>
            <a:off x="1058638" y="1035258"/>
            <a:ext cx="3894362" cy="3401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Stage and Sprite</a:t>
            </a:r>
          </a:p>
        </p:txBody>
      </p:sp>
      <p:pic>
        <p:nvPicPr>
          <p:cNvPr id="16"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4FF31611-0CA5-A462-78E6-F6AF3FE0C4A0}"/>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293889" y="329255"/>
            <a:ext cx="391811" cy="391982"/>
          </a:xfrm>
          <a:prstGeom prst="rect">
            <a:avLst/>
          </a:prstGeom>
        </p:spPr>
      </p:pic>
      <p:sp>
        <p:nvSpPr>
          <p:cNvPr id="17" name="Title 1">
            <a:extLst>
              <a:ext uri="{FF2B5EF4-FFF2-40B4-BE49-F238E27FC236}">
                <a16:creationId xmlns:a16="http://schemas.microsoft.com/office/drawing/2014/main" id="{A348958C-9211-6884-2FD3-E1BFD979E57F}"/>
              </a:ext>
            </a:extLst>
          </p:cNvPr>
          <p:cNvSpPr txBox="1">
            <a:spLocks/>
          </p:cNvSpPr>
          <p:nvPr/>
        </p:nvSpPr>
        <p:spPr>
          <a:xfrm>
            <a:off x="798413" y="0"/>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2</a:t>
            </a:r>
          </a:p>
        </p:txBody>
      </p:sp>
      <p:sp>
        <p:nvSpPr>
          <p:cNvPr id="18" name="Rectangle 17">
            <a:extLst>
              <a:ext uri="{FF2B5EF4-FFF2-40B4-BE49-F238E27FC236}">
                <a16:creationId xmlns:a16="http://schemas.microsoft.com/office/drawing/2014/main" id="{113120DB-3873-D353-9687-D9F8F31A2D5A}"/>
              </a:ext>
            </a:extLst>
          </p:cNvPr>
          <p:cNvSpPr/>
          <p:nvPr/>
        </p:nvSpPr>
        <p:spPr>
          <a:xfrm>
            <a:off x="355072" y="640913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2" name="Graphic 1" descr="Shamrock with solid fill">
            <a:extLst>
              <a:ext uri="{FF2B5EF4-FFF2-40B4-BE49-F238E27FC236}">
                <a16:creationId xmlns:a16="http://schemas.microsoft.com/office/drawing/2014/main" id="{8C1F7BFF-0A3A-173D-8557-9371D312577F}"/>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8070427" y="162343"/>
            <a:ext cx="914400" cy="914400"/>
          </a:xfrm>
          <a:prstGeom prst="rect">
            <a:avLst/>
          </a:prstGeom>
        </p:spPr>
      </p:pic>
    </p:spTree>
    <p:extLst>
      <p:ext uri="{BB962C8B-B14F-4D97-AF65-F5344CB8AC3E}">
        <p14:creationId xmlns:p14="http://schemas.microsoft.com/office/powerpoint/2010/main" val="234394485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extBox 22">
            <a:extLst>
              <a:ext uri="{FF2B5EF4-FFF2-40B4-BE49-F238E27FC236}">
                <a16:creationId xmlns:a16="http://schemas.microsoft.com/office/drawing/2014/main" id="{B4B1A803-017C-211C-7249-1D2DF0573FC0}"/>
              </a:ext>
            </a:extLst>
          </p:cNvPr>
          <p:cNvSpPr txBox="1">
            <a:spLocks/>
          </p:cNvSpPr>
          <p:nvPr/>
        </p:nvSpPr>
        <p:spPr bwMode="auto">
          <a:xfrm>
            <a:off x="296279" y="5794411"/>
            <a:ext cx="3441410" cy="563383"/>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r>
              <a:rPr lang="en-US" sz="1300">
                <a:latin typeface="Ericsson Hilda Light" panose="00000400000000000000" pitchFamily="2" charset="0"/>
              </a:rPr>
              <a:t>This Chain of Code controls the movement of </a:t>
            </a:r>
            <a:r>
              <a:rPr lang="en-US" sz="1300" err="1">
                <a:latin typeface="Ericsson Hilda Light" panose="00000400000000000000" pitchFamily="2" charset="0"/>
              </a:rPr>
              <a:t>St.Patrick</a:t>
            </a:r>
            <a:r>
              <a:rPr lang="en-US" sz="1300">
                <a:latin typeface="Ericsson Hilda Light" panose="00000400000000000000" pitchFamily="2" charset="0"/>
              </a:rPr>
              <a:t> or the “Wizard”.</a:t>
            </a:r>
          </a:p>
        </p:txBody>
      </p:sp>
      <p:sp>
        <p:nvSpPr>
          <p:cNvPr id="24" name="Rectangle 23">
            <a:extLst>
              <a:ext uri="{FF2B5EF4-FFF2-40B4-BE49-F238E27FC236}">
                <a16:creationId xmlns:a16="http://schemas.microsoft.com/office/drawing/2014/main" id="{88F14DBE-CB4E-183F-38AB-19AD65C98112}"/>
              </a:ext>
            </a:extLst>
          </p:cNvPr>
          <p:cNvSpPr>
            <a:spLocks/>
          </p:cNvSpPr>
          <p:nvPr/>
        </p:nvSpPr>
        <p:spPr>
          <a:xfrm>
            <a:off x="285295" y="973722"/>
            <a:ext cx="4984628"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ode – Wizard</a:t>
            </a:r>
          </a:p>
        </p:txBody>
      </p:sp>
      <p:pic>
        <p:nvPicPr>
          <p:cNvPr id="1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ECBD05F2-C566-05B1-DC2B-E72B0FBCEDE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293889" y="329255"/>
            <a:ext cx="391811" cy="391982"/>
          </a:xfrm>
          <a:prstGeom prst="rect">
            <a:avLst/>
          </a:prstGeom>
        </p:spPr>
      </p:pic>
      <p:sp>
        <p:nvSpPr>
          <p:cNvPr id="15" name="Rectangle 14">
            <a:extLst>
              <a:ext uri="{FF2B5EF4-FFF2-40B4-BE49-F238E27FC236}">
                <a16:creationId xmlns:a16="http://schemas.microsoft.com/office/drawing/2014/main" id="{FB6F42D3-88B1-6ACB-5C5C-254E55066788}"/>
              </a:ext>
            </a:extLst>
          </p:cNvPr>
          <p:cNvSpPr/>
          <p:nvPr/>
        </p:nvSpPr>
        <p:spPr>
          <a:xfrm>
            <a:off x="232505" y="639517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6" name="Title 1">
            <a:extLst>
              <a:ext uri="{FF2B5EF4-FFF2-40B4-BE49-F238E27FC236}">
                <a16:creationId xmlns:a16="http://schemas.microsoft.com/office/drawing/2014/main" id="{1ABD4C1E-FBF8-FBA0-2235-929ED9BFB151}"/>
              </a:ext>
            </a:extLst>
          </p:cNvPr>
          <p:cNvSpPr txBox="1">
            <a:spLocks/>
          </p:cNvSpPr>
          <p:nvPr/>
        </p:nvSpPr>
        <p:spPr>
          <a:xfrm>
            <a:off x="798413" y="0"/>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2</a:t>
            </a:r>
          </a:p>
        </p:txBody>
      </p:sp>
      <p:pic>
        <p:nvPicPr>
          <p:cNvPr id="2" name="Graphic 1" descr="Shamrock with solid fill">
            <a:extLst>
              <a:ext uri="{FF2B5EF4-FFF2-40B4-BE49-F238E27FC236}">
                <a16:creationId xmlns:a16="http://schemas.microsoft.com/office/drawing/2014/main" id="{DB4B254C-4912-9451-8013-11A4BC332480}"/>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070427" y="162343"/>
            <a:ext cx="914400" cy="914400"/>
          </a:xfrm>
          <a:prstGeom prst="rect">
            <a:avLst/>
          </a:prstGeom>
        </p:spPr>
      </p:pic>
      <p:pic>
        <p:nvPicPr>
          <p:cNvPr id="9" name="Picture 8">
            <a:extLst>
              <a:ext uri="{FF2B5EF4-FFF2-40B4-BE49-F238E27FC236}">
                <a16:creationId xmlns:a16="http://schemas.microsoft.com/office/drawing/2014/main" id="{BF026874-C832-ECD9-FD5A-6FB22ADE2685}"/>
              </a:ext>
            </a:extLst>
          </p:cNvPr>
          <p:cNvPicPr>
            <a:picLocks noChangeAspect="1"/>
          </p:cNvPicPr>
          <p:nvPr/>
        </p:nvPicPr>
        <p:blipFill>
          <a:blip r:embed="rId6"/>
          <a:stretch>
            <a:fillRect/>
          </a:stretch>
        </p:blipFill>
        <p:spPr>
          <a:xfrm>
            <a:off x="296279" y="1340467"/>
            <a:ext cx="3441410" cy="4453944"/>
          </a:xfrm>
          <a:prstGeom prst="rect">
            <a:avLst/>
          </a:prstGeom>
        </p:spPr>
      </p:pic>
      <p:sp>
        <p:nvSpPr>
          <p:cNvPr id="10" name="TextBox 9">
            <a:extLst>
              <a:ext uri="{FF2B5EF4-FFF2-40B4-BE49-F238E27FC236}">
                <a16:creationId xmlns:a16="http://schemas.microsoft.com/office/drawing/2014/main" id="{E3A125A2-50A7-E354-6094-55FAC196768C}"/>
              </a:ext>
            </a:extLst>
          </p:cNvPr>
          <p:cNvSpPr txBox="1">
            <a:spLocks/>
          </p:cNvSpPr>
          <p:nvPr/>
        </p:nvSpPr>
        <p:spPr bwMode="auto">
          <a:xfrm>
            <a:off x="3723266" y="1310359"/>
            <a:ext cx="1532234" cy="3793192"/>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algn="ctr"/>
            <a:r>
              <a:rPr lang="en-US" sz="1200" b="1">
                <a:solidFill>
                  <a:srgbClr val="F0C63E"/>
                </a:solidFill>
                <a:latin typeface="Ericsson Hilda Light" panose="00000400000000000000" pitchFamily="2" charset="0"/>
              </a:rPr>
              <a:t>Events </a:t>
            </a:r>
            <a:r>
              <a:rPr lang="en-US" sz="1200">
                <a:latin typeface="Ericsson Hilda Light" panose="00000400000000000000" pitchFamily="2" charset="0"/>
              </a:rPr>
              <a:t>Flag Clicked</a:t>
            </a:r>
          </a:p>
          <a:p>
            <a:pPr algn="ctr"/>
            <a:endParaRPr lang="en-US" sz="1200" b="1">
              <a:solidFill>
                <a:srgbClr val="F0C63E"/>
              </a:solidFill>
              <a:latin typeface="Ericsson Hilda Light" panose="00000400000000000000" pitchFamily="2" charset="0"/>
            </a:endParaRPr>
          </a:p>
          <a:p>
            <a:pPr algn="ctr"/>
            <a:r>
              <a:rPr lang="en-US" sz="1200" b="1">
                <a:solidFill>
                  <a:srgbClr val="FFC000"/>
                </a:solidFill>
                <a:latin typeface="Ericsson Hilda Light" panose="00000400000000000000" pitchFamily="2" charset="0"/>
              </a:rPr>
              <a:t>Control </a:t>
            </a:r>
            <a:r>
              <a:rPr lang="en-US" sz="1200">
                <a:latin typeface="Ericsson Hilda Light" panose="00000400000000000000" pitchFamily="2" charset="0"/>
              </a:rPr>
              <a:t>Forever</a:t>
            </a:r>
            <a:endParaRPr lang="en-US" sz="1200" b="1">
              <a:solidFill>
                <a:srgbClr val="FFC000"/>
              </a:solidFill>
              <a:latin typeface="Ericsson Hilda Light" panose="00000400000000000000" pitchFamily="2" charset="0"/>
            </a:endParaRPr>
          </a:p>
          <a:p>
            <a:pPr algn="ctr"/>
            <a:r>
              <a:rPr lang="en-US" sz="1200" b="1">
                <a:solidFill>
                  <a:srgbClr val="FFC000"/>
                </a:solidFill>
                <a:latin typeface="Ericsson Hilda Light" panose="00000400000000000000" pitchFamily="2" charset="0"/>
              </a:rPr>
              <a:t>Control </a:t>
            </a:r>
            <a:r>
              <a:rPr lang="en-US" sz="1200">
                <a:latin typeface="Ericsson Hilda Light" panose="00000400000000000000" pitchFamily="2" charset="0"/>
              </a:rPr>
              <a:t>If, Then</a:t>
            </a:r>
          </a:p>
          <a:p>
            <a:pPr algn="ctr"/>
            <a:r>
              <a:rPr lang="en-US" sz="1200" b="1">
                <a:solidFill>
                  <a:srgbClr val="00B0F0"/>
                </a:solidFill>
                <a:latin typeface="Ericsson Hilda Light" panose="00000400000000000000" pitchFamily="2" charset="0"/>
              </a:rPr>
              <a:t>Sensing </a:t>
            </a:r>
            <a:r>
              <a:rPr lang="en-US" sz="1200">
                <a:latin typeface="Ericsson Hilda Light" panose="00000400000000000000" pitchFamily="2" charset="0"/>
              </a:rPr>
              <a:t>up arrow</a:t>
            </a:r>
          </a:p>
          <a:p>
            <a:pPr algn="ctr"/>
            <a:r>
              <a:rPr lang="en-US" sz="1200" b="1">
                <a:solidFill>
                  <a:srgbClr val="0070C0"/>
                </a:solidFill>
                <a:latin typeface="Ericsson Hilda Light" panose="00000400000000000000" pitchFamily="2" charset="0"/>
              </a:rPr>
              <a:t>Motion </a:t>
            </a:r>
            <a:r>
              <a:rPr lang="en-US" sz="1200">
                <a:latin typeface="Ericsson Hilda Light" panose="00000400000000000000" pitchFamily="2" charset="0"/>
              </a:rPr>
              <a:t>Y (Up)</a:t>
            </a:r>
          </a:p>
          <a:p>
            <a:pPr algn="ctr"/>
            <a:endParaRPr lang="en-US" sz="1200">
              <a:latin typeface="Ericsson Hilda Light" panose="00000400000000000000" pitchFamily="2" charset="0"/>
            </a:endParaRPr>
          </a:p>
          <a:p>
            <a:pPr algn="ctr"/>
            <a:r>
              <a:rPr lang="en-US" sz="1200" b="1">
                <a:solidFill>
                  <a:srgbClr val="FFC000"/>
                </a:solidFill>
                <a:latin typeface="Ericsson Hilda Light" panose="00000400000000000000" pitchFamily="2" charset="0"/>
              </a:rPr>
              <a:t>Control </a:t>
            </a:r>
            <a:r>
              <a:rPr lang="en-US" sz="1200" err="1">
                <a:latin typeface="Ericsson Hilda Light" panose="00000400000000000000" pitchFamily="2" charset="0"/>
              </a:rPr>
              <a:t>If,Then</a:t>
            </a:r>
            <a:endParaRPr lang="en-US" sz="1200">
              <a:latin typeface="Ericsson Hilda Light" panose="00000400000000000000" pitchFamily="2" charset="0"/>
            </a:endParaRPr>
          </a:p>
          <a:p>
            <a:pPr algn="ctr"/>
            <a:r>
              <a:rPr lang="en-US" sz="1200" b="1">
                <a:solidFill>
                  <a:srgbClr val="00B0F0"/>
                </a:solidFill>
                <a:latin typeface="Ericsson Hilda Light" panose="00000400000000000000" pitchFamily="2" charset="0"/>
              </a:rPr>
              <a:t>Sensing </a:t>
            </a:r>
            <a:r>
              <a:rPr lang="en-US" sz="1200">
                <a:latin typeface="Ericsson Hilda Light" panose="00000400000000000000" pitchFamily="2" charset="0"/>
              </a:rPr>
              <a:t>down arrow</a:t>
            </a:r>
          </a:p>
          <a:p>
            <a:pPr algn="ctr"/>
            <a:r>
              <a:rPr lang="en-US" sz="1200" b="1">
                <a:solidFill>
                  <a:srgbClr val="0070C0"/>
                </a:solidFill>
                <a:latin typeface="Ericsson Hilda Light" panose="00000400000000000000" pitchFamily="2" charset="0"/>
              </a:rPr>
              <a:t>Motion </a:t>
            </a:r>
            <a:r>
              <a:rPr lang="en-US" sz="1200">
                <a:latin typeface="Ericsson Hilda Light" panose="00000400000000000000" pitchFamily="2" charset="0"/>
              </a:rPr>
              <a:t>Y (Down)</a:t>
            </a:r>
          </a:p>
          <a:p>
            <a:pPr algn="ctr"/>
            <a:endParaRPr lang="en-US" sz="1200">
              <a:latin typeface="Ericsson Hilda Light" panose="00000400000000000000" pitchFamily="2" charset="0"/>
            </a:endParaRPr>
          </a:p>
          <a:p>
            <a:pPr algn="ctr"/>
            <a:r>
              <a:rPr lang="en-US" sz="1200" b="1">
                <a:solidFill>
                  <a:srgbClr val="FFC000"/>
                </a:solidFill>
                <a:latin typeface="Ericsson Hilda Light" panose="00000400000000000000" pitchFamily="2" charset="0"/>
              </a:rPr>
              <a:t>Control </a:t>
            </a:r>
            <a:r>
              <a:rPr lang="en-US" sz="1200">
                <a:latin typeface="Ericsson Hilda Light" panose="00000400000000000000" pitchFamily="2" charset="0"/>
              </a:rPr>
              <a:t>If ,Then</a:t>
            </a:r>
          </a:p>
          <a:p>
            <a:pPr algn="ctr"/>
            <a:r>
              <a:rPr lang="en-US" sz="1200" b="1">
                <a:solidFill>
                  <a:srgbClr val="00B0F0"/>
                </a:solidFill>
                <a:latin typeface="Ericsson Hilda Light" panose="00000400000000000000" pitchFamily="2" charset="0"/>
              </a:rPr>
              <a:t>Sensing </a:t>
            </a:r>
            <a:r>
              <a:rPr lang="en-US" sz="1200">
                <a:latin typeface="Ericsson Hilda Light" panose="00000400000000000000" pitchFamily="2" charset="0"/>
              </a:rPr>
              <a:t>Right arrow</a:t>
            </a:r>
          </a:p>
          <a:p>
            <a:pPr algn="ctr"/>
            <a:r>
              <a:rPr lang="en-US" sz="1200" b="1">
                <a:solidFill>
                  <a:srgbClr val="0070C0"/>
                </a:solidFill>
                <a:latin typeface="Ericsson Hilda Light" panose="00000400000000000000" pitchFamily="2" charset="0"/>
              </a:rPr>
              <a:t>Motion </a:t>
            </a:r>
            <a:r>
              <a:rPr lang="en-US" sz="1200">
                <a:latin typeface="Ericsson Hilda Light" panose="00000400000000000000" pitchFamily="2" charset="0"/>
              </a:rPr>
              <a:t>X (Right)</a:t>
            </a:r>
          </a:p>
          <a:p>
            <a:pPr algn="ctr"/>
            <a:endParaRPr lang="en-US" sz="1200">
              <a:latin typeface="Ericsson Hilda Light" panose="00000400000000000000" pitchFamily="2" charset="0"/>
            </a:endParaRPr>
          </a:p>
          <a:p>
            <a:pPr algn="ctr"/>
            <a:r>
              <a:rPr lang="en-US" sz="1200" b="1">
                <a:solidFill>
                  <a:srgbClr val="FFC000"/>
                </a:solidFill>
                <a:latin typeface="Ericsson Hilda Light" panose="00000400000000000000" pitchFamily="2" charset="0"/>
              </a:rPr>
              <a:t>Control </a:t>
            </a:r>
            <a:r>
              <a:rPr lang="en-US" sz="1200">
                <a:latin typeface="Ericsson Hilda Light" panose="00000400000000000000" pitchFamily="2" charset="0"/>
              </a:rPr>
              <a:t>If, Then</a:t>
            </a:r>
          </a:p>
          <a:p>
            <a:pPr algn="ctr"/>
            <a:r>
              <a:rPr lang="en-US" sz="1200" b="1">
                <a:solidFill>
                  <a:srgbClr val="00B0F0"/>
                </a:solidFill>
                <a:latin typeface="Ericsson Hilda Light" panose="00000400000000000000" pitchFamily="2" charset="0"/>
              </a:rPr>
              <a:t>Sensing </a:t>
            </a:r>
            <a:r>
              <a:rPr lang="en-US" sz="1200">
                <a:latin typeface="Ericsson Hilda Light" panose="00000400000000000000" pitchFamily="2" charset="0"/>
              </a:rPr>
              <a:t>Left X</a:t>
            </a:r>
          </a:p>
          <a:p>
            <a:pPr algn="ctr"/>
            <a:r>
              <a:rPr lang="en-US" sz="1200" b="1">
                <a:solidFill>
                  <a:srgbClr val="0070C0"/>
                </a:solidFill>
                <a:latin typeface="Ericsson Hilda Light" panose="00000400000000000000" pitchFamily="2" charset="0"/>
              </a:rPr>
              <a:t>Motion </a:t>
            </a:r>
            <a:r>
              <a:rPr lang="en-US" sz="1200">
                <a:latin typeface="Ericsson Hilda Light" panose="00000400000000000000" pitchFamily="2" charset="0"/>
              </a:rPr>
              <a:t>X (Left)</a:t>
            </a:r>
          </a:p>
          <a:p>
            <a:pPr algn="ctr"/>
            <a:endParaRPr lang="en-US" sz="1200" b="1">
              <a:solidFill>
                <a:srgbClr val="0070C0"/>
              </a:solidFill>
              <a:latin typeface="Ericsson Hilda Light" panose="00000400000000000000" pitchFamily="2" charset="0"/>
            </a:endParaRPr>
          </a:p>
        </p:txBody>
      </p:sp>
      <p:pic>
        <p:nvPicPr>
          <p:cNvPr id="12" name="Picture 11">
            <a:extLst>
              <a:ext uri="{FF2B5EF4-FFF2-40B4-BE49-F238E27FC236}">
                <a16:creationId xmlns:a16="http://schemas.microsoft.com/office/drawing/2014/main" id="{7447CC77-D61A-D189-88E6-9403A51B4D69}"/>
              </a:ext>
            </a:extLst>
          </p:cNvPr>
          <p:cNvPicPr>
            <a:picLocks noChangeAspect="1"/>
          </p:cNvPicPr>
          <p:nvPr/>
        </p:nvPicPr>
        <p:blipFill>
          <a:blip r:embed="rId7"/>
          <a:stretch>
            <a:fillRect/>
          </a:stretch>
        </p:blipFill>
        <p:spPr>
          <a:xfrm>
            <a:off x="5466864" y="1394797"/>
            <a:ext cx="3217020" cy="3605963"/>
          </a:xfrm>
          <a:prstGeom prst="rect">
            <a:avLst/>
          </a:prstGeom>
        </p:spPr>
      </p:pic>
      <p:sp>
        <p:nvSpPr>
          <p:cNvPr id="17" name="TextBox 16">
            <a:extLst>
              <a:ext uri="{FF2B5EF4-FFF2-40B4-BE49-F238E27FC236}">
                <a16:creationId xmlns:a16="http://schemas.microsoft.com/office/drawing/2014/main" id="{B34E0B4C-BFCC-2062-CF6C-4996E90080FF}"/>
              </a:ext>
            </a:extLst>
          </p:cNvPr>
          <p:cNvSpPr txBox="1"/>
          <p:nvPr/>
        </p:nvSpPr>
        <p:spPr>
          <a:xfrm>
            <a:off x="5457872" y="5019448"/>
            <a:ext cx="2003632" cy="1277273"/>
          </a:xfrm>
          <a:prstGeom prst="rect">
            <a:avLst/>
          </a:prstGeom>
          <a:solidFill>
            <a:schemeClr val="bg1">
              <a:lumMod val="95000"/>
            </a:schemeClr>
          </a:solidFill>
        </p:spPr>
        <p:txBody>
          <a:bodyPr wrap="square" rtlCol="0">
            <a:spAutoFit/>
          </a:bodyPr>
          <a:lstStyle/>
          <a:p>
            <a:pPr algn="ctr"/>
            <a:r>
              <a:rPr lang="en-US" sz="1100" b="1">
                <a:solidFill>
                  <a:srgbClr val="F0C63E"/>
                </a:solidFill>
                <a:latin typeface="Ericsson Hilda Light" panose="00000400000000000000" pitchFamily="2" charset="0"/>
              </a:rPr>
              <a:t>Events </a:t>
            </a:r>
            <a:r>
              <a:rPr lang="en-US" sz="1100">
                <a:latin typeface="Ericsson Hilda Light" panose="00000400000000000000" pitchFamily="2" charset="0"/>
              </a:rPr>
              <a:t>Flag Clicked</a:t>
            </a:r>
          </a:p>
          <a:p>
            <a:pPr algn="ctr"/>
            <a:r>
              <a:rPr lang="en-US" sz="1100" b="1">
                <a:solidFill>
                  <a:schemeClr val="accent2"/>
                </a:solidFill>
                <a:latin typeface="Ericsson Hilda Light" panose="00000400000000000000" pitchFamily="2" charset="0"/>
              </a:rPr>
              <a:t>Variable </a:t>
            </a:r>
            <a:r>
              <a:rPr lang="en-US" sz="1100">
                <a:latin typeface="Ericsson Hilda Light" panose="00000400000000000000" pitchFamily="2" charset="0"/>
              </a:rPr>
              <a:t>set Score to 0</a:t>
            </a:r>
          </a:p>
          <a:p>
            <a:pPr algn="ctr"/>
            <a:r>
              <a:rPr lang="en-US" sz="1100" b="1">
                <a:solidFill>
                  <a:srgbClr val="FFC000"/>
                </a:solidFill>
                <a:latin typeface="Ericsson Hilda Light" panose="00000400000000000000" pitchFamily="2" charset="0"/>
              </a:rPr>
              <a:t>Control </a:t>
            </a:r>
            <a:r>
              <a:rPr lang="en-US" sz="1100">
                <a:latin typeface="Ericsson Hilda Light" panose="00000400000000000000" pitchFamily="2" charset="0"/>
              </a:rPr>
              <a:t>Forever</a:t>
            </a:r>
          </a:p>
          <a:p>
            <a:pPr algn="ctr"/>
            <a:r>
              <a:rPr lang="en-US" sz="1100" b="1">
                <a:solidFill>
                  <a:srgbClr val="FFC000"/>
                </a:solidFill>
                <a:latin typeface="Ericsson Hilda Light" panose="00000400000000000000" pitchFamily="2" charset="0"/>
              </a:rPr>
              <a:t>Control </a:t>
            </a:r>
            <a:r>
              <a:rPr lang="en-US" sz="1100">
                <a:latin typeface="Ericsson Hilda Light" panose="00000400000000000000" pitchFamily="2" charset="0"/>
              </a:rPr>
              <a:t>If, Then</a:t>
            </a:r>
          </a:p>
          <a:p>
            <a:pPr algn="ctr"/>
            <a:r>
              <a:rPr lang="en-US" sz="1100" b="1">
                <a:solidFill>
                  <a:srgbClr val="00B0F0"/>
                </a:solidFill>
                <a:latin typeface="Ericsson Hilda Light" panose="00000400000000000000" pitchFamily="2" charset="0"/>
              </a:rPr>
              <a:t>Sensing </a:t>
            </a:r>
            <a:r>
              <a:rPr lang="en-US" sz="1100">
                <a:latin typeface="Ericsson Hilda Light" panose="00000400000000000000" pitchFamily="2" charset="0"/>
              </a:rPr>
              <a:t>touching Snake?</a:t>
            </a:r>
          </a:p>
          <a:p>
            <a:pPr algn="ctr"/>
            <a:r>
              <a:rPr lang="en-US" sz="1100" b="1">
                <a:solidFill>
                  <a:schemeClr val="accent2"/>
                </a:solidFill>
                <a:latin typeface="Ericsson Hilda Light" panose="00000400000000000000" pitchFamily="2" charset="0"/>
              </a:rPr>
              <a:t>Variable </a:t>
            </a:r>
            <a:r>
              <a:rPr lang="en-US" sz="1100">
                <a:latin typeface="Ericsson Hilda Light" panose="00000400000000000000" pitchFamily="2" charset="0"/>
              </a:rPr>
              <a:t>Change Score by 1</a:t>
            </a:r>
          </a:p>
          <a:p>
            <a:pPr algn="ctr"/>
            <a:endParaRPr lang="en-US" sz="1100">
              <a:latin typeface="Ericsson Hilda Light" panose="00000400000000000000" pitchFamily="2" charset="0"/>
            </a:endParaRPr>
          </a:p>
        </p:txBody>
      </p:sp>
      <p:sp>
        <p:nvSpPr>
          <p:cNvPr id="18" name="TextBox 17">
            <a:extLst>
              <a:ext uri="{FF2B5EF4-FFF2-40B4-BE49-F238E27FC236}">
                <a16:creationId xmlns:a16="http://schemas.microsoft.com/office/drawing/2014/main" id="{9CFA4CD2-A0A1-DE66-E471-4BC12F2E04C2}"/>
              </a:ext>
            </a:extLst>
          </p:cNvPr>
          <p:cNvSpPr txBox="1"/>
          <p:nvPr/>
        </p:nvSpPr>
        <p:spPr>
          <a:xfrm>
            <a:off x="7682068" y="5055481"/>
            <a:ext cx="2003632" cy="1277273"/>
          </a:xfrm>
          <a:prstGeom prst="rect">
            <a:avLst/>
          </a:prstGeom>
          <a:solidFill>
            <a:schemeClr val="bg1">
              <a:lumMod val="95000"/>
            </a:schemeClr>
          </a:solidFill>
        </p:spPr>
        <p:txBody>
          <a:bodyPr wrap="square" rtlCol="0">
            <a:spAutoFit/>
          </a:bodyPr>
          <a:lstStyle/>
          <a:p>
            <a:pPr algn="ctr"/>
            <a:r>
              <a:rPr lang="en-US" sz="1100" b="1">
                <a:solidFill>
                  <a:srgbClr val="FFC000"/>
                </a:solidFill>
                <a:latin typeface="Ericsson Hilda Light" panose="00000400000000000000" pitchFamily="2" charset="0"/>
              </a:rPr>
              <a:t>Control </a:t>
            </a:r>
            <a:r>
              <a:rPr lang="en-US" sz="1100">
                <a:latin typeface="Ericsson Hilda Light" panose="00000400000000000000" pitchFamily="2" charset="0"/>
              </a:rPr>
              <a:t>If, Then</a:t>
            </a:r>
          </a:p>
          <a:p>
            <a:pPr algn="ctr"/>
            <a:r>
              <a:rPr lang="en-US" sz="1100" b="1">
                <a:solidFill>
                  <a:srgbClr val="00B050"/>
                </a:solidFill>
                <a:latin typeface="Ericsson Hilda Light" panose="00000400000000000000" pitchFamily="2" charset="0"/>
              </a:rPr>
              <a:t>Operators</a:t>
            </a:r>
            <a:r>
              <a:rPr lang="en-US" sz="1100">
                <a:latin typeface="Ericsson Hilda Light" panose="00000400000000000000" pitchFamily="2" charset="0"/>
              </a:rPr>
              <a:t> 0=0</a:t>
            </a:r>
          </a:p>
          <a:p>
            <a:pPr algn="ctr"/>
            <a:r>
              <a:rPr lang="en-US" sz="1100" b="1">
                <a:solidFill>
                  <a:schemeClr val="accent2"/>
                </a:solidFill>
                <a:latin typeface="Ericsson Hilda Light" panose="00000400000000000000" pitchFamily="2" charset="0"/>
              </a:rPr>
              <a:t>Variables </a:t>
            </a:r>
            <a:r>
              <a:rPr lang="en-US" sz="1100">
                <a:latin typeface="Ericsson Hilda Light" panose="00000400000000000000" pitchFamily="2" charset="0"/>
              </a:rPr>
              <a:t>Score</a:t>
            </a:r>
          </a:p>
          <a:p>
            <a:pPr algn="ctr"/>
            <a:r>
              <a:rPr lang="en-US" sz="1100" b="1">
                <a:solidFill>
                  <a:srgbClr val="7030A0"/>
                </a:solidFill>
                <a:latin typeface="Ericsson Hilda Light" panose="00000400000000000000" pitchFamily="2" charset="0"/>
              </a:rPr>
              <a:t>Looks</a:t>
            </a:r>
            <a:r>
              <a:rPr lang="en-US" sz="1100">
                <a:latin typeface="Ericsson Hilda Light" panose="00000400000000000000" pitchFamily="2" charset="0"/>
              </a:rPr>
              <a:t> Say Be Gone Snake! For 2 seconds</a:t>
            </a:r>
          </a:p>
          <a:p>
            <a:pPr algn="ctr"/>
            <a:r>
              <a:rPr lang="en-US" sz="1100" b="1">
                <a:solidFill>
                  <a:srgbClr val="FFC000"/>
                </a:solidFill>
                <a:latin typeface="Ericsson Hilda Light" panose="00000400000000000000" pitchFamily="2" charset="0"/>
              </a:rPr>
              <a:t>Control</a:t>
            </a:r>
            <a:r>
              <a:rPr lang="en-IE" sz="1100">
                <a:latin typeface="Ericsson Hilda Light" panose="00000400000000000000" pitchFamily="2" charset="0"/>
              </a:rPr>
              <a:t> Stop all</a:t>
            </a:r>
          </a:p>
          <a:p>
            <a:pPr algn="ctr"/>
            <a:endParaRPr lang="en-IE" sz="1100">
              <a:latin typeface="Ericsson Hilda Light" panose="00000400000000000000" pitchFamily="2" charset="0"/>
            </a:endParaRPr>
          </a:p>
        </p:txBody>
      </p:sp>
      <p:sp>
        <p:nvSpPr>
          <p:cNvPr id="20" name="Rectangle 19">
            <a:extLst>
              <a:ext uri="{FF2B5EF4-FFF2-40B4-BE49-F238E27FC236}">
                <a16:creationId xmlns:a16="http://schemas.microsoft.com/office/drawing/2014/main" id="{DFA710CD-F0B3-D010-7322-B5B7E3059D82}"/>
              </a:ext>
            </a:extLst>
          </p:cNvPr>
          <p:cNvSpPr>
            <a:spLocks/>
          </p:cNvSpPr>
          <p:nvPr/>
        </p:nvSpPr>
        <p:spPr>
          <a:xfrm>
            <a:off x="5466865" y="967958"/>
            <a:ext cx="3217019"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ode – Wizard</a:t>
            </a:r>
          </a:p>
        </p:txBody>
      </p:sp>
      <p:sp>
        <p:nvSpPr>
          <p:cNvPr id="31" name="Arrow: Curved Up 30">
            <a:extLst>
              <a:ext uri="{FF2B5EF4-FFF2-40B4-BE49-F238E27FC236}">
                <a16:creationId xmlns:a16="http://schemas.microsoft.com/office/drawing/2014/main" id="{7F54EE8B-14AE-7C28-ECB9-6FD3CAA4E581}"/>
              </a:ext>
            </a:extLst>
          </p:cNvPr>
          <p:cNvSpPr/>
          <p:nvPr/>
        </p:nvSpPr>
        <p:spPr>
          <a:xfrm rot="2901398" flipH="1" flipV="1">
            <a:off x="8406355" y="2736283"/>
            <a:ext cx="659850" cy="613624"/>
          </a:xfrm>
          <a:prstGeom prst="curvedUp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algn="ctr"/>
            <a:endParaRPr lang="en-IE">
              <a:solidFill>
                <a:schemeClr val="tx1"/>
              </a:solidFill>
            </a:endParaRPr>
          </a:p>
        </p:txBody>
      </p:sp>
      <p:sp>
        <p:nvSpPr>
          <p:cNvPr id="19" name="TextBox 18">
            <a:extLst>
              <a:ext uri="{FF2B5EF4-FFF2-40B4-BE49-F238E27FC236}">
                <a16:creationId xmlns:a16="http://schemas.microsoft.com/office/drawing/2014/main" id="{4968B0A6-C6AD-5937-51B0-CCB9C772FC42}"/>
              </a:ext>
            </a:extLst>
          </p:cNvPr>
          <p:cNvSpPr txBox="1"/>
          <p:nvPr/>
        </p:nvSpPr>
        <p:spPr>
          <a:xfrm>
            <a:off x="8378365" y="3343475"/>
            <a:ext cx="1307335" cy="1569660"/>
          </a:xfrm>
          <a:prstGeom prst="rect">
            <a:avLst/>
          </a:prstGeom>
          <a:solidFill>
            <a:schemeClr val="bg1">
              <a:lumMod val="95000"/>
            </a:schemeClr>
          </a:solidFill>
        </p:spPr>
        <p:txBody>
          <a:bodyPr wrap="square" rtlCol="0">
            <a:spAutoFit/>
          </a:bodyPr>
          <a:lstStyle/>
          <a:p>
            <a:pPr algn="ctr"/>
            <a:r>
              <a:rPr lang="en-IE" sz="1200">
                <a:latin typeface="Ericsson Hilda Light" panose="00000400000000000000" pitchFamily="2" charset="0"/>
              </a:rPr>
              <a:t>This code Creates our scoreboard and tells the wizard that when it touches the snake it gets a point!</a:t>
            </a:r>
          </a:p>
        </p:txBody>
      </p:sp>
    </p:spTree>
    <p:custDataLst>
      <p:tags r:id="rId1"/>
    </p:custDataLst>
    <p:extLst>
      <p:ext uri="{BB962C8B-B14F-4D97-AF65-F5344CB8AC3E}">
        <p14:creationId xmlns:p14="http://schemas.microsoft.com/office/powerpoint/2010/main" val="255319037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5B688B4-6986-2E04-5712-C327066E7317}"/>
              </a:ext>
            </a:extLst>
          </p:cNvPr>
          <p:cNvSpPr txBox="1">
            <a:spLocks/>
          </p:cNvSpPr>
          <p:nvPr/>
        </p:nvSpPr>
        <p:spPr>
          <a:xfrm>
            <a:off x="798413" y="0"/>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2</a:t>
            </a:r>
          </a:p>
        </p:txBody>
      </p:sp>
      <p:pic>
        <p:nvPicPr>
          <p:cNvPr id="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1C9C01F9-70BD-F487-5EDB-96EBFF33F8E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266356" y="342519"/>
            <a:ext cx="391811" cy="391982"/>
          </a:xfrm>
          <a:prstGeom prst="rect">
            <a:avLst/>
          </a:prstGeom>
        </p:spPr>
      </p:pic>
      <p:sp>
        <p:nvSpPr>
          <p:cNvPr id="5" name="Rectangle 4">
            <a:extLst>
              <a:ext uri="{FF2B5EF4-FFF2-40B4-BE49-F238E27FC236}">
                <a16:creationId xmlns:a16="http://schemas.microsoft.com/office/drawing/2014/main" id="{017BCE78-A253-CFD3-141B-E5C0177E4ACB}"/>
              </a:ext>
            </a:extLst>
          </p:cNvPr>
          <p:cNvSpPr/>
          <p:nvPr/>
        </p:nvSpPr>
        <p:spPr>
          <a:xfrm>
            <a:off x="232505" y="639517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6" name="Graphic 5" descr="Shamrock with solid fill">
            <a:extLst>
              <a:ext uri="{FF2B5EF4-FFF2-40B4-BE49-F238E27FC236}">
                <a16:creationId xmlns:a16="http://schemas.microsoft.com/office/drawing/2014/main" id="{49AF981C-3DB4-A6F1-9756-1C9AD75E7A23}"/>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070427" y="162343"/>
            <a:ext cx="914400" cy="914400"/>
          </a:xfrm>
          <a:prstGeom prst="rect">
            <a:avLst/>
          </a:prstGeom>
        </p:spPr>
      </p:pic>
      <p:pic>
        <p:nvPicPr>
          <p:cNvPr id="8" name="Picture 7">
            <a:extLst>
              <a:ext uri="{FF2B5EF4-FFF2-40B4-BE49-F238E27FC236}">
                <a16:creationId xmlns:a16="http://schemas.microsoft.com/office/drawing/2014/main" id="{37DE3661-C616-844B-1904-53886D0449CC}"/>
              </a:ext>
            </a:extLst>
          </p:cNvPr>
          <p:cNvPicPr>
            <a:picLocks noChangeAspect="1"/>
          </p:cNvPicPr>
          <p:nvPr/>
        </p:nvPicPr>
        <p:blipFill>
          <a:blip r:embed="rId5"/>
          <a:stretch>
            <a:fillRect/>
          </a:stretch>
        </p:blipFill>
        <p:spPr>
          <a:xfrm>
            <a:off x="232505" y="1366815"/>
            <a:ext cx="3433372" cy="4272497"/>
          </a:xfrm>
          <a:prstGeom prst="rect">
            <a:avLst/>
          </a:prstGeom>
        </p:spPr>
      </p:pic>
      <p:sp>
        <p:nvSpPr>
          <p:cNvPr id="9" name="TextBox 8">
            <a:extLst>
              <a:ext uri="{FF2B5EF4-FFF2-40B4-BE49-F238E27FC236}">
                <a16:creationId xmlns:a16="http://schemas.microsoft.com/office/drawing/2014/main" id="{F926F286-AB9A-3ED5-8AA3-CDEEF30A509C}"/>
              </a:ext>
            </a:extLst>
          </p:cNvPr>
          <p:cNvSpPr txBox="1">
            <a:spLocks/>
          </p:cNvSpPr>
          <p:nvPr/>
        </p:nvSpPr>
        <p:spPr bwMode="auto">
          <a:xfrm>
            <a:off x="3633297" y="1348723"/>
            <a:ext cx="1690835" cy="4290589"/>
          </a:xfrm>
          <a:prstGeom prst="rect">
            <a:avLst/>
          </a:prstGeom>
          <a:solidFill>
            <a:srgbClr val="F2F2F2"/>
          </a:solidFill>
          <a:ln w="12700">
            <a:noFill/>
            <a:miter lim="800000"/>
            <a:headEnd/>
            <a:tailEnd/>
          </a:ln>
        </p:spPr>
        <p:txBody>
          <a:bodyPr vert="horz" wrap="square" lIns="148590" tIns="74295" rIns="74295" bIns="371475" numCol="1" rtlCol="0" anchor="ctr"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r>
              <a:rPr lang="en-US" sz="1300" b="1">
                <a:solidFill>
                  <a:srgbClr val="F0C63E"/>
                </a:solidFill>
                <a:latin typeface="Ericsson Hilda Light" panose="00000400000000000000" pitchFamily="2" charset="0"/>
              </a:rPr>
              <a:t>Events </a:t>
            </a:r>
            <a:r>
              <a:rPr lang="en-US" sz="1300">
                <a:latin typeface="Ericsson Hilda Light" panose="00000400000000000000" pitchFamily="2" charset="0"/>
              </a:rPr>
              <a:t>Flag Clicked</a:t>
            </a:r>
            <a:endParaRPr lang="en-US" sz="1300" b="1">
              <a:solidFill>
                <a:srgbClr val="F0C63E"/>
              </a:solidFill>
              <a:latin typeface="Ericsson Hilda Light" panose="00000400000000000000" pitchFamily="2" charset="0"/>
            </a:endParaRPr>
          </a:p>
          <a:p>
            <a:r>
              <a:rPr lang="en-US" sz="1300" b="1">
                <a:solidFill>
                  <a:srgbClr val="FFC000"/>
                </a:solidFill>
                <a:latin typeface="Ericsson Hilda Light" panose="00000400000000000000" pitchFamily="2" charset="0"/>
              </a:rPr>
              <a:t>Control </a:t>
            </a:r>
            <a:r>
              <a:rPr lang="en-US" sz="1300">
                <a:latin typeface="Ericsson Hilda Light" panose="00000400000000000000" pitchFamily="2" charset="0"/>
              </a:rPr>
              <a:t>Forever</a:t>
            </a:r>
          </a:p>
          <a:p>
            <a:r>
              <a:rPr lang="en-US" sz="1300" b="1">
                <a:solidFill>
                  <a:srgbClr val="0070C0"/>
                </a:solidFill>
                <a:latin typeface="Ericsson Hilda Light" panose="00000400000000000000" pitchFamily="2" charset="0"/>
              </a:rPr>
              <a:t>Motion </a:t>
            </a:r>
            <a:r>
              <a:rPr lang="en-US" sz="1300">
                <a:latin typeface="Ericsson Hilda Light" panose="00000400000000000000" pitchFamily="2" charset="0"/>
              </a:rPr>
              <a:t>glide 0.5 secs to random position</a:t>
            </a:r>
            <a:endParaRPr lang="en-US" sz="1300" b="1">
              <a:solidFill>
                <a:srgbClr val="FFC000"/>
              </a:solidFill>
              <a:latin typeface="Ericsson Hilda Light" panose="00000400000000000000" pitchFamily="2" charset="0"/>
            </a:endParaRPr>
          </a:p>
          <a:p>
            <a:r>
              <a:rPr lang="en-US" sz="1300" b="1">
                <a:solidFill>
                  <a:srgbClr val="FFC000"/>
                </a:solidFill>
                <a:latin typeface="Ericsson Hilda Light" panose="00000400000000000000" pitchFamily="2" charset="0"/>
              </a:rPr>
              <a:t>Control </a:t>
            </a:r>
            <a:r>
              <a:rPr lang="en-US" sz="1300">
                <a:latin typeface="Ericsson Hilda Light" panose="00000400000000000000" pitchFamily="2" charset="0"/>
              </a:rPr>
              <a:t>If, Then</a:t>
            </a:r>
          </a:p>
          <a:p>
            <a:r>
              <a:rPr lang="en-US" sz="1300" b="1">
                <a:solidFill>
                  <a:srgbClr val="00B0F0"/>
                </a:solidFill>
                <a:latin typeface="Ericsson Hilda Light" panose="00000400000000000000" pitchFamily="2" charset="0"/>
              </a:rPr>
              <a:t>Sensing </a:t>
            </a:r>
            <a:r>
              <a:rPr lang="en-US" sz="1300">
                <a:latin typeface="Ericsson Hilda Light" panose="00000400000000000000" pitchFamily="2" charset="0"/>
              </a:rPr>
              <a:t>touching Wizard</a:t>
            </a:r>
          </a:p>
          <a:p>
            <a:r>
              <a:rPr lang="en-US" sz="1300" b="1">
                <a:solidFill>
                  <a:srgbClr val="0070C0"/>
                </a:solidFill>
                <a:latin typeface="Ericsson Hilda Light" panose="00000400000000000000" pitchFamily="2" charset="0"/>
              </a:rPr>
              <a:t>Motion </a:t>
            </a:r>
            <a:r>
              <a:rPr lang="en-US" sz="1300">
                <a:latin typeface="Ericsson Hilda Light" panose="00000400000000000000" pitchFamily="2" charset="0"/>
              </a:rPr>
              <a:t>glide 0.25 secs to random position</a:t>
            </a:r>
          </a:p>
          <a:p>
            <a:r>
              <a:rPr lang="en-US" sz="1300" b="1">
                <a:solidFill>
                  <a:srgbClr val="FFC000"/>
                </a:solidFill>
                <a:latin typeface="Ericsson Hilda Light" panose="00000400000000000000" pitchFamily="2" charset="0"/>
              </a:rPr>
              <a:t>Control </a:t>
            </a:r>
            <a:r>
              <a:rPr lang="en-US" sz="1300">
                <a:latin typeface="Ericsson Hilda Light" panose="00000400000000000000" pitchFamily="2" charset="0"/>
              </a:rPr>
              <a:t>If ,Then</a:t>
            </a:r>
          </a:p>
          <a:p>
            <a:r>
              <a:rPr lang="en-US" sz="1300" b="1">
                <a:solidFill>
                  <a:srgbClr val="00B050"/>
                </a:solidFill>
                <a:latin typeface="Ericsson Hilda Light" panose="00000400000000000000" pitchFamily="2" charset="0"/>
              </a:rPr>
              <a:t>Operators</a:t>
            </a:r>
            <a:r>
              <a:rPr lang="en-US" sz="1300">
                <a:latin typeface="Ericsson Hilda Light" panose="00000400000000000000" pitchFamily="2" charset="0"/>
              </a:rPr>
              <a:t> 0=0</a:t>
            </a:r>
          </a:p>
          <a:p>
            <a:r>
              <a:rPr lang="en-US" sz="1300" b="1">
                <a:solidFill>
                  <a:srgbClr val="7030A0"/>
                </a:solidFill>
                <a:latin typeface="Ericsson Hilda Light" panose="00000400000000000000" pitchFamily="2" charset="0"/>
              </a:rPr>
              <a:t>Looks </a:t>
            </a:r>
            <a:r>
              <a:rPr lang="en-US" sz="1300">
                <a:latin typeface="Ericsson Hilda Light" panose="00000400000000000000" pitchFamily="2" charset="0"/>
              </a:rPr>
              <a:t>say oh no! for 1 seconds</a:t>
            </a:r>
          </a:p>
          <a:p>
            <a:r>
              <a:rPr lang="en-US" sz="1300" b="1">
                <a:solidFill>
                  <a:srgbClr val="7030A0"/>
                </a:solidFill>
                <a:latin typeface="Ericsson Hilda Light" panose="00000400000000000000" pitchFamily="2" charset="0"/>
              </a:rPr>
              <a:t>Looks</a:t>
            </a:r>
            <a:r>
              <a:rPr lang="en-US" sz="1300">
                <a:latin typeface="Ericsson Hilda Light" panose="00000400000000000000" pitchFamily="2" charset="0"/>
              </a:rPr>
              <a:t> change size by -10</a:t>
            </a:r>
          </a:p>
          <a:p>
            <a:r>
              <a:rPr lang="en-US" sz="1300" b="1">
                <a:solidFill>
                  <a:srgbClr val="0070C0"/>
                </a:solidFill>
                <a:latin typeface="Ericsson Hilda Light" panose="00000400000000000000" pitchFamily="2" charset="0"/>
              </a:rPr>
              <a:t>Motion </a:t>
            </a:r>
            <a:r>
              <a:rPr lang="en-US" sz="1300">
                <a:latin typeface="Ericsson Hilda Light" panose="00000400000000000000" pitchFamily="2" charset="0"/>
              </a:rPr>
              <a:t>go to x 300 y 0</a:t>
            </a:r>
          </a:p>
        </p:txBody>
      </p:sp>
      <p:sp>
        <p:nvSpPr>
          <p:cNvPr id="10" name="TextBox 9">
            <a:extLst>
              <a:ext uri="{FF2B5EF4-FFF2-40B4-BE49-F238E27FC236}">
                <a16:creationId xmlns:a16="http://schemas.microsoft.com/office/drawing/2014/main" id="{F9091174-43AD-4BD2-31FC-5027273C9F23}"/>
              </a:ext>
            </a:extLst>
          </p:cNvPr>
          <p:cNvSpPr txBox="1">
            <a:spLocks/>
          </p:cNvSpPr>
          <p:nvPr/>
        </p:nvSpPr>
        <p:spPr bwMode="auto">
          <a:xfrm>
            <a:off x="219155" y="5563546"/>
            <a:ext cx="5110856" cy="731121"/>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r>
              <a:rPr lang="en-US" sz="1200">
                <a:latin typeface="Ericsson Hilda Light" panose="00000400000000000000" pitchFamily="2" charset="0"/>
              </a:rPr>
              <a:t>This Chain of code tells the snake to move to random positions to avoid Saint Patrick. It also tells it once the score reaches 50 to whimper “oh no!” and disappears from the screen.</a:t>
            </a:r>
          </a:p>
        </p:txBody>
      </p:sp>
      <p:pic>
        <p:nvPicPr>
          <p:cNvPr id="12" name="Picture 11">
            <a:extLst>
              <a:ext uri="{FF2B5EF4-FFF2-40B4-BE49-F238E27FC236}">
                <a16:creationId xmlns:a16="http://schemas.microsoft.com/office/drawing/2014/main" id="{003F6E12-01CB-EFAF-900A-64DE55F88ADC}"/>
              </a:ext>
            </a:extLst>
          </p:cNvPr>
          <p:cNvPicPr>
            <a:picLocks noChangeAspect="1"/>
          </p:cNvPicPr>
          <p:nvPr/>
        </p:nvPicPr>
        <p:blipFill>
          <a:blip r:embed="rId6"/>
          <a:stretch>
            <a:fillRect/>
          </a:stretch>
        </p:blipFill>
        <p:spPr>
          <a:xfrm>
            <a:off x="5555810" y="1353941"/>
            <a:ext cx="4020062" cy="3277167"/>
          </a:xfrm>
          <a:prstGeom prst="rect">
            <a:avLst/>
          </a:prstGeom>
        </p:spPr>
      </p:pic>
      <p:sp>
        <p:nvSpPr>
          <p:cNvPr id="13" name="TextBox 12">
            <a:extLst>
              <a:ext uri="{FF2B5EF4-FFF2-40B4-BE49-F238E27FC236}">
                <a16:creationId xmlns:a16="http://schemas.microsoft.com/office/drawing/2014/main" id="{7C9DC9E1-7EC0-B086-388A-0C6A76B7DF58}"/>
              </a:ext>
            </a:extLst>
          </p:cNvPr>
          <p:cNvSpPr txBox="1">
            <a:spLocks/>
          </p:cNvSpPr>
          <p:nvPr/>
        </p:nvSpPr>
        <p:spPr bwMode="auto">
          <a:xfrm>
            <a:off x="5555810" y="4566065"/>
            <a:ext cx="4020061" cy="1314791"/>
          </a:xfrm>
          <a:prstGeom prst="rect">
            <a:avLst/>
          </a:prstGeom>
          <a:solidFill>
            <a:srgbClr val="F2F2F2"/>
          </a:solidFill>
          <a:ln w="12700">
            <a:noFill/>
            <a:miter lim="800000"/>
            <a:headEnd/>
            <a:tailEnd/>
          </a:ln>
        </p:spPr>
        <p:txBody>
          <a:bodyPr vert="horz" wrap="square" lIns="148590" tIns="74295" rIns="74295" bIns="371475"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algn="ctr"/>
            <a:r>
              <a:rPr lang="en-US" sz="1400">
                <a:latin typeface="Ericsson Hilda Light" panose="00000400000000000000" pitchFamily="2" charset="0"/>
              </a:rPr>
              <a:t>Press the green flag in the top left to chase the Snake! Once you have touched the snake 50 times the snake leaves and says Oh no! Saint Patrick lets out a triumphant cry, “Be Gone!” and the Snake disappears.</a:t>
            </a:r>
          </a:p>
        </p:txBody>
      </p:sp>
      <p:sp>
        <p:nvSpPr>
          <p:cNvPr id="14" name="Rectangle 13">
            <a:extLst>
              <a:ext uri="{FF2B5EF4-FFF2-40B4-BE49-F238E27FC236}">
                <a16:creationId xmlns:a16="http://schemas.microsoft.com/office/drawing/2014/main" id="{46CA9E9C-DC53-6651-2387-BCBC4205768D}"/>
              </a:ext>
            </a:extLst>
          </p:cNvPr>
          <p:cNvSpPr>
            <a:spLocks/>
          </p:cNvSpPr>
          <p:nvPr/>
        </p:nvSpPr>
        <p:spPr>
          <a:xfrm>
            <a:off x="219154" y="1006322"/>
            <a:ext cx="5110857"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ode – Snake</a:t>
            </a:r>
          </a:p>
        </p:txBody>
      </p:sp>
      <p:sp>
        <p:nvSpPr>
          <p:cNvPr id="15" name="Rectangle 14">
            <a:extLst>
              <a:ext uri="{FF2B5EF4-FFF2-40B4-BE49-F238E27FC236}">
                <a16:creationId xmlns:a16="http://schemas.microsoft.com/office/drawing/2014/main" id="{AECAD723-4B22-B855-0416-F606CFF2EECC}"/>
              </a:ext>
            </a:extLst>
          </p:cNvPr>
          <p:cNvSpPr>
            <a:spLocks/>
          </p:cNvSpPr>
          <p:nvPr/>
        </p:nvSpPr>
        <p:spPr>
          <a:xfrm>
            <a:off x="5577998" y="1024414"/>
            <a:ext cx="3990138"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Enjoy!</a:t>
            </a:r>
          </a:p>
        </p:txBody>
      </p:sp>
    </p:spTree>
    <p:extLst>
      <p:ext uri="{BB962C8B-B14F-4D97-AF65-F5344CB8AC3E}">
        <p14:creationId xmlns:p14="http://schemas.microsoft.com/office/powerpoint/2010/main" val="133002449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6774F60-CA06-9B16-52AB-177CB2D103B0}"/>
            </a:ext>
          </a:extLst>
        </p:cNvPr>
        <p:cNvGrpSpPr/>
        <p:nvPr/>
      </p:nvGrpSpPr>
      <p:grpSpPr>
        <a:xfrm>
          <a:off x="0" y="0"/>
          <a:ext cx="0" cy="0"/>
          <a:chOff x="0" y="0"/>
          <a:chExt cx="0" cy="0"/>
        </a:xfrm>
      </p:grpSpPr>
      <p:pic>
        <p:nvPicPr>
          <p:cNvPr id="1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4B789775-520C-DC3A-27ED-0B23EE774C4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266356" y="342519"/>
            <a:ext cx="391811" cy="391982"/>
          </a:xfrm>
          <a:prstGeom prst="rect">
            <a:avLst/>
          </a:prstGeom>
        </p:spPr>
      </p:pic>
      <p:sp>
        <p:nvSpPr>
          <p:cNvPr id="15" name="Rectangle 14">
            <a:extLst>
              <a:ext uri="{FF2B5EF4-FFF2-40B4-BE49-F238E27FC236}">
                <a16:creationId xmlns:a16="http://schemas.microsoft.com/office/drawing/2014/main" id="{F85EB8C7-C30A-1A40-4223-B6B5F9CE33A4}"/>
              </a:ext>
            </a:extLst>
          </p:cNvPr>
          <p:cNvSpPr/>
          <p:nvPr/>
        </p:nvSpPr>
        <p:spPr>
          <a:xfrm>
            <a:off x="232505" y="639517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6" name="Title 1">
            <a:extLst>
              <a:ext uri="{FF2B5EF4-FFF2-40B4-BE49-F238E27FC236}">
                <a16:creationId xmlns:a16="http://schemas.microsoft.com/office/drawing/2014/main" id="{045D676D-59E2-C050-331B-9FA16ABFBAF4}"/>
              </a:ext>
            </a:extLst>
          </p:cNvPr>
          <p:cNvSpPr txBox="1">
            <a:spLocks/>
          </p:cNvSpPr>
          <p:nvPr/>
        </p:nvSpPr>
        <p:spPr>
          <a:xfrm>
            <a:off x="798413" y="0"/>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3</a:t>
            </a:r>
          </a:p>
        </p:txBody>
      </p:sp>
      <p:pic>
        <p:nvPicPr>
          <p:cNvPr id="2" name="Graphic 1" descr="Shamrock with solid fill">
            <a:extLst>
              <a:ext uri="{FF2B5EF4-FFF2-40B4-BE49-F238E27FC236}">
                <a16:creationId xmlns:a16="http://schemas.microsoft.com/office/drawing/2014/main" id="{71D64DBE-6414-FF35-5BB7-D4B190D22AFA}"/>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070427" y="162343"/>
            <a:ext cx="914400" cy="914400"/>
          </a:xfrm>
          <a:prstGeom prst="rect">
            <a:avLst/>
          </a:prstGeom>
        </p:spPr>
      </p:pic>
      <p:pic>
        <p:nvPicPr>
          <p:cNvPr id="9" name="Picture 8">
            <a:extLst>
              <a:ext uri="{FF2B5EF4-FFF2-40B4-BE49-F238E27FC236}">
                <a16:creationId xmlns:a16="http://schemas.microsoft.com/office/drawing/2014/main" id="{57DA67AD-B431-3B01-6FC2-081D87B3697A}"/>
              </a:ext>
            </a:extLst>
          </p:cNvPr>
          <p:cNvPicPr>
            <a:picLocks noChangeAspect="1"/>
          </p:cNvPicPr>
          <p:nvPr/>
        </p:nvPicPr>
        <p:blipFill>
          <a:blip r:embed="rId6"/>
          <a:stretch>
            <a:fillRect/>
          </a:stretch>
        </p:blipFill>
        <p:spPr>
          <a:xfrm>
            <a:off x="198570" y="3429000"/>
            <a:ext cx="2854874" cy="2909908"/>
          </a:xfrm>
          <a:prstGeom prst="rect">
            <a:avLst/>
          </a:prstGeom>
        </p:spPr>
      </p:pic>
      <p:sp>
        <p:nvSpPr>
          <p:cNvPr id="11" name="Rectangle 10">
            <a:extLst>
              <a:ext uri="{FF2B5EF4-FFF2-40B4-BE49-F238E27FC236}">
                <a16:creationId xmlns:a16="http://schemas.microsoft.com/office/drawing/2014/main" id="{BE333BC2-C815-AFD7-585C-F5823E68573E}"/>
              </a:ext>
            </a:extLst>
          </p:cNvPr>
          <p:cNvSpPr>
            <a:spLocks/>
          </p:cNvSpPr>
          <p:nvPr/>
        </p:nvSpPr>
        <p:spPr>
          <a:xfrm>
            <a:off x="198570" y="3086599"/>
            <a:ext cx="2854874"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Stage and Sprites</a:t>
            </a:r>
          </a:p>
        </p:txBody>
      </p:sp>
      <p:sp>
        <p:nvSpPr>
          <p:cNvPr id="12" name="Rectangle 11">
            <a:extLst>
              <a:ext uri="{FF2B5EF4-FFF2-40B4-BE49-F238E27FC236}">
                <a16:creationId xmlns:a16="http://schemas.microsoft.com/office/drawing/2014/main" id="{1356EDEE-0CB4-C47A-E425-F01F51DB4285}"/>
              </a:ext>
            </a:extLst>
          </p:cNvPr>
          <p:cNvSpPr>
            <a:spLocks/>
          </p:cNvSpPr>
          <p:nvPr/>
        </p:nvSpPr>
        <p:spPr>
          <a:xfrm>
            <a:off x="3286103" y="1129544"/>
            <a:ext cx="2854874"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Stage and Sprites</a:t>
            </a:r>
          </a:p>
        </p:txBody>
      </p:sp>
      <p:pic>
        <p:nvPicPr>
          <p:cNvPr id="17" name="Picture 16">
            <a:extLst>
              <a:ext uri="{FF2B5EF4-FFF2-40B4-BE49-F238E27FC236}">
                <a16:creationId xmlns:a16="http://schemas.microsoft.com/office/drawing/2014/main" id="{5666FACD-FD72-89CB-3F81-DB45C7317838}"/>
              </a:ext>
            </a:extLst>
          </p:cNvPr>
          <p:cNvPicPr>
            <a:picLocks noChangeAspect="1"/>
          </p:cNvPicPr>
          <p:nvPr/>
        </p:nvPicPr>
        <p:blipFill>
          <a:blip r:embed="rId7"/>
          <a:stretch>
            <a:fillRect/>
          </a:stretch>
        </p:blipFill>
        <p:spPr>
          <a:xfrm>
            <a:off x="3280313" y="1471945"/>
            <a:ext cx="2860664" cy="2700430"/>
          </a:xfrm>
          <a:prstGeom prst="rect">
            <a:avLst/>
          </a:prstGeom>
        </p:spPr>
      </p:pic>
      <p:pic>
        <p:nvPicPr>
          <p:cNvPr id="19" name="Picture 18">
            <a:extLst>
              <a:ext uri="{FF2B5EF4-FFF2-40B4-BE49-F238E27FC236}">
                <a16:creationId xmlns:a16="http://schemas.microsoft.com/office/drawing/2014/main" id="{603060ED-AFB2-C4B2-1F08-F8A96990968D}"/>
              </a:ext>
            </a:extLst>
          </p:cNvPr>
          <p:cNvPicPr>
            <a:picLocks noChangeAspect="1"/>
          </p:cNvPicPr>
          <p:nvPr/>
        </p:nvPicPr>
        <p:blipFill>
          <a:blip r:embed="rId8"/>
          <a:stretch>
            <a:fillRect/>
          </a:stretch>
        </p:blipFill>
        <p:spPr>
          <a:xfrm>
            <a:off x="3280313" y="4366836"/>
            <a:ext cx="2854874" cy="493785"/>
          </a:xfrm>
          <a:prstGeom prst="rect">
            <a:avLst/>
          </a:prstGeom>
        </p:spPr>
      </p:pic>
      <p:pic>
        <p:nvPicPr>
          <p:cNvPr id="5" name="Picture 4">
            <a:extLst>
              <a:ext uri="{FF2B5EF4-FFF2-40B4-BE49-F238E27FC236}">
                <a16:creationId xmlns:a16="http://schemas.microsoft.com/office/drawing/2014/main" id="{33BC7672-4339-4B6C-128D-D45D9BE4C409}"/>
              </a:ext>
            </a:extLst>
          </p:cNvPr>
          <p:cNvPicPr>
            <a:picLocks noChangeAspect="1"/>
          </p:cNvPicPr>
          <p:nvPr/>
        </p:nvPicPr>
        <p:blipFill>
          <a:blip r:embed="rId9"/>
          <a:stretch>
            <a:fillRect/>
          </a:stretch>
        </p:blipFill>
        <p:spPr>
          <a:xfrm>
            <a:off x="6304943" y="1523209"/>
            <a:ext cx="3353223" cy="3455610"/>
          </a:xfrm>
          <a:prstGeom prst="rect">
            <a:avLst/>
          </a:prstGeom>
        </p:spPr>
      </p:pic>
      <p:sp>
        <p:nvSpPr>
          <p:cNvPr id="7" name="TextBox 6">
            <a:extLst>
              <a:ext uri="{FF2B5EF4-FFF2-40B4-BE49-F238E27FC236}">
                <a16:creationId xmlns:a16="http://schemas.microsoft.com/office/drawing/2014/main" id="{2FA17003-5C32-2C7F-1F70-3EA6A6FECD38}"/>
              </a:ext>
            </a:extLst>
          </p:cNvPr>
          <p:cNvSpPr txBox="1"/>
          <p:nvPr/>
        </p:nvSpPr>
        <p:spPr>
          <a:xfrm>
            <a:off x="6307272" y="5386055"/>
            <a:ext cx="1703407" cy="738664"/>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1.Select the bucket icon and fill the top of the bowl gold</a:t>
            </a:r>
          </a:p>
        </p:txBody>
      </p:sp>
      <p:cxnSp>
        <p:nvCxnSpPr>
          <p:cNvPr id="8" name="Straight Arrow Connector 7">
            <a:extLst>
              <a:ext uri="{FF2B5EF4-FFF2-40B4-BE49-F238E27FC236}">
                <a16:creationId xmlns:a16="http://schemas.microsoft.com/office/drawing/2014/main" id="{557F4677-27BA-6D77-7188-AD65C14933D5}"/>
              </a:ext>
            </a:extLst>
          </p:cNvPr>
          <p:cNvCxnSpPr>
            <a:cxnSpLocks/>
          </p:cNvCxnSpPr>
          <p:nvPr/>
        </p:nvCxnSpPr>
        <p:spPr>
          <a:xfrm flipV="1">
            <a:off x="6830568" y="4400820"/>
            <a:ext cx="164592" cy="98135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Straight Arrow Connector 12">
            <a:extLst>
              <a:ext uri="{FF2B5EF4-FFF2-40B4-BE49-F238E27FC236}">
                <a16:creationId xmlns:a16="http://schemas.microsoft.com/office/drawing/2014/main" id="{05AEAC95-EE9F-CD04-BA20-088AB9F746C7}"/>
              </a:ext>
            </a:extLst>
          </p:cNvPr>
          <p:cNvCxnSpPr>
            <a:cxnSpLocks/>
          </p:cNvCxnSpPr>
          <p:nvPr/>
        </p:nvCxnSpPr>
        <p:spPr>
          <a:xfrm flipH="1" flipV="1">
            <a:off x="7134579" y="2633472"/>
            <a:ext cx="1195605" cy="14356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4" name="Rectangle 23">
            <a:extLst>
              <a:ext uri="{FF2B5EF4-FFF2-40B4-BE49-F238E27FC236}">
                <a16:creationId xmlns:a16="http://schemas.microsoft.com/office/drawing/2014/main" id="{C106C80A-584D-250A-4BA8-76C4A0C73EC9}"/>
              </a:ext>
            </a:extLst>
          </p:cNvPr>
          <p:cNvSpPr>
            <a:spLocks/>
          </p:cNvSpPr>
          <p:nvPr/>
        </p:nvSpPr>
        <p:spPr>
          <a:xfrm>
            <a:off x="6304943" y="1124546"/>
            <a:ext cx="3353223"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Edit The Bowl</a:t>
            </a:r>
          </a:p>
        </p:txBody>
      </p:sp>
      <p:sp>
        <p:nvSpPr>
          <p:cNvPr id="25" name="TextBox 24">
            <a:extLst>
              <a:ext uri="{FF2B5EF4-FFF2-40B4-BE49-F238E27FC236}">
                <a16:creationId xmlns:a16="http://schemas.microsoft.com/office/drawing/2014/main" id="{0EB3C5A0-CBAD-E860-6B5F-F5199DCB6568}"/>
              </a:ext>
            </a:extLst>
          </p:cNvPr>
          <p:cNvSpPr txBox="1"/>
          <p:nvPr/>
        </p:nvSpPr>
        <p:spPr>
          <a:xfrm>
            <a:off x="254456" y="1463958"/>
            <a:ext cx="2848251" cy="1169551"/>
          </a:xfrm>
          <a:prstGeom prst="rect">
            <a:avLst/>
          </a:prstGeom>
          <a:solidFill>
            <a:schemeClr val="bg1">
              <a:lumMod val="95000"/>
            </a:schemeClr>
          </a:solidFill>
        </p:spPr>
        <p:txBody>
          <a:bodyPr wrap="square" rtlCol="0">
            <a:spAutoFit/>
          </a:bodyPr>
          <a:lstStyle/>
          <a:p>
            <a:pPr algn="ctr"/>
            <a:r>
              <a:rPr lang="en-US" sz="1400">
                <a:latin typeface="Ericsson Hilda Light" panose="00000400000000000000" pitchFamily="2" charset="0"/>
              </a:rPr>
              <a:t>We’re going to create a fun and fast-paced game to celebrate St Patrick’s Day! You’ll design your own pot of gold and add shiny coins to bring your game to life.</a:t>
            </a:r>
            <a:endParaRPr lang="en-IE" sz="1400">
              <a:latin typeface="Ericsson Hilda Light" panose="00000400000000000000" pitchFamily="2" charset="0"/>
            </a:endParaRPr>
          </a:p>
        </p:txBody>
      </p:sp>
      <p:sp>
        <p:nvSpPr>
          <p:cNvPr id="26" name="Rectangle 25">
            <a:extLst>
              <a:ext uri="{FF2B5EF4-FFF2-40B4-BE49-F238E27FC236}">
                <a16:creationId xmlns:a16="http://schemas.microsoft.com/office/drawing/2014/main" id="{73C5C3D6-9FD3-506F-2738-751D74EC02CF}"/>
              </a:ext>
            </a:extLst>
          </p:cNvPr>
          <p:cNvSpPr>
            <a:spLocks/>
          </p:cNvSpPr>
          <p:nvPr/>
        </p:nvSpPr>
        <p:spPr>
          <a:xfrm>
            <a:off x="247834" y="1121557"/>
            <a:ext cx="2854874"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Introduction</a:t>
            </a:r>
          </a:p>
        </p:txBody>
      </p:sp>
      <p:sp>
        <p:nvSpPr>
          <p:cNvPr id="3" name="TextBox 2">
            <a:extLst>
              <a:ext uri="{FF2B5EF4-FFF2-40B4-BE49-F238E27FC236}">
                <a16:creationId xmlns:a16="http://schemas.microsoft.com/office/drawing/2014/main" id="{7E1F96AB-8C4A-E2B9-9C0F-32C194364847}"/>
              </a:ext>
            </a:extLst>
          </p:cNvPr>
          <p:cNvSpPr txBox="1"/>
          <p:nvPr/>
        </p:nvSpPr>
        <p:spPr>
          <a:xfrm>
            <a:off x="3285447" y="4884893"/>
            <a:ext cx="2828489" cy="738664"/>
          </a:xfrm>
          <a:prstGeom prst="rect">
            <a:avLst/>
          </a:prstGeom>
          <a:solidFill>
            <a:schemeClr val="bg1">
              <a:lumMod val="95000"/>
            </a:schemeClr>
          </a:solidFill>
        </p:spPr>
        <p:txBody>
          <a:bodyPr wrap="square" lIns="91440" tIns="45720" rIns="91440" bIns="45720" rtlCol="0" anchor="t">
            <a:spAutoFit/>
          </a:bodyPr>
          <a:lstStyle/>
          <a:p>
            <a:r>
              <a:rPr lang="en-IE" sz="1400">
                <a:latin typeface="Ericsson Hilda Light"/>
              </a:rPr>
              <a:t>Search &amp; Select the "Bowl" sprite.</a:t>
            </a:r>
          </a:p>
          <a:p>
            <a:r>
              <a:rPr lang="en-IE" sz="1400">
                <a:latin typeface="Ericsson Hilda Light"/>
              </a:rPr>
              <a:t>In the top left, select costumes to edit our sprite into a pot of gold.</a:t>
            </a:r>
            <a:endParaRPr lang="en-IE" sz="1400">
              <a:latin typeface="Ericsson Hilda Light" panose="00000400000000000000" pitchFamily="2" charset="0"/>
            </a:endParaRPr>
          </a:p>
        </p:txBody>
      </p:sp>
    </p:spTree>
    <p:custDataLst>
      <p:tags r:id="rId1"/>
    </p:custDataLst>
    <p:extLst>
      <p:ext uri="{BB962C8B-B14F-4D97-AF65-F5344CB8AC3E}">
        <p14:creationId xmlns:p14="http://schemas.microsoft.com/office/powerpoint/2010/main" val="412211736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38FB338-7F57-0BFC-5E4D-D7D6C7AD14C7}"/>
            </a:ext>
          </a:extLst>
        </p:cNvPr>
        <p:cNvGrpSpPr/>
        <p:nvPr/>
      </p:nvGrpSpPr>
      <p:grpSpPr>
        <a:xfrm>
          <a:off x="0" y="0"/>
          <a:ext cx="0" cy="0"/>
          <a:chOff x="0" y="0"/>
          <a:chExt cx="0" cy="0"/>
        </a:xfrm>
      </p:grpSpPr>
      <p:pic>
        <p:nvPicPr>
          <p:cNvPr id="14"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618585A6-518B-76B4-55B7-D85F10F9D0C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266356" y="342519"/>
            <a:ext cx="391811" cy="391982"/>
          </a:xfrm>
          <a:prstGeom prst="rect">
            <a:avLst/>
          </a:prstGeom>
        </p:spPr>
      </p:pic>
      <p:sp>
        <p:nvSpPr>
          <p:cNvPr id="15" name="Rectangle 14">
            <a:extLst>
              <a:ext uri="{FF2B5EF4-FFF2-40B4-BE49-F238E27FC236}">
                <a16:creationId xmlns:a16="http://schemas.microsoft.com/office/drawing/2014/main" id="{A63016B1-C6A9-5726-E671-95AD65492E90}"/>
              </a:ext>
            </a:extLst>
          </p:cNvPr>
          <p:cNvSpPr/>
          <p:nvPr/>
        </p:nvSpPr>
        <p:spPr>
          <a:xfrm>
            <a:off x="232505" y="6395170"/>
            <a:ext cx="9675739" cy="217432"/>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13">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6" name="Title 1">
            <a:extLst>
              <a:ext uri="{FF2B5EF4-FFF2-40B4-BE49-F238E27FC236}">
                <a16:creationId xmlns:a16="http://schemas.microsoft.com/office/drawing/2014/main" id="{39561C6B-89A1-5FE3-CB97-EA51BF011454}"/>
              </a:ext>
            </a:extLst>
          </p:cNvPr>
          <p:cNvSpPr txBox="1">
            <a:spLocks/>
          </p:cNvSpPr>
          <p:nvPr/>
        </p:nvSpPr>
        <p:spPr>
          <a:xfrm>
            <a:off x="798413" y="0"/>
            <a:ext cx="8543925" cy="1077020"/>
          </a:xfrm>
          <a:prstGeom prst="rect">
            <a:avLst/>
          </a:prstGeom>
        </p:spPr>
        <p:txBody>
          <a:bodyPr vert="horz" lIns="74295" tIns="37148" rIns="74295" bIns="37148"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575"/>
              <a:t>Happy St. Patrick’s Day – level 3</a:t>
            </a:r>
          </a:p>
        </p:txBody>
      </p:sp>
      <p:pic>
        <p:nvPicPr>
          <p:cNvPr id="2" name="Graphic 1" descr="Shamrock with solid fill">
            <a:extLst>
              <a:ext uri="{FF2B5EF4-FFF2-40B4-BE49-F238E27FC236}">
                <a16:creationId xmlns:a16="http://schemas.microsoft.com/office/drawing/2014/main" id="{1A9E7BE1-A1DA-2AA4-ACBD-510D33D8C1D3}"/>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8070427" y="162343"/>
            <a:ext cx="914400" cy="914400"/>
          </a:xfrm>
          <a:prstGeom prst="rect">
            <a:avLst/>
          </a:prstGeom>
        </p:spPr>
      </p:pic>
      <p:pic>
        <p:nvPicPr>
          <p:cNvPr id="4" name="Picture 3">
            <a:extLst>
              <a:ext uri="{FF2B5EF4-FFF2-40B4-BE49-F238E27FC236}">
                <a16:creationId xmlns:a16="http://schemas.microsoft.com/office/drawing/2014/main" id="{59CE7529-2BD7-D156-0D0A-7AA8FCBB18E5}"/>
              </a:ext>
            </a:extLst>
          </p:cNvPr>
          <p:cNvPicPr>
            <a:picLocks noChangeAspect="1"/>
          </p:cNvPicPr>
          <p:nvPr/>
        </p:nvPicPr>
        <p:blipFill>
          <a:blip r:embed="rId7"/>
          <a:stretch>
            <a:fillRect/>
          </a:stretch>
        </p:blipFill>
        <p:spPr>
          <a:xfrm>
            <a:off x="266136" y="1332988"/>
            <a:ext cx="5220416" cy="4019714"/>
          </a:xfrm>
          <a:prstGeom prst="rect">
            <a:avLst/>
          </a:prstGeom>
        </p:spPr>
      </p:pic>
      <p:sp>
        <p:nvSpPr>
          <p:cNvPr id="7" name="TextBox 6">
            <a:extLst>
              <a:ext uri="{FF2B5EF4-FFF2-40B4-BE49-F238E27FC236}">
                <a16:creationId xmlns:a16="http://schemas.microsoft.com/office/drawing/2014/main" id="{B3968464-DF2D-A22E-2B22-208E74A82FCD}"/>
              </a:ext>
            </a:extLst>
          </p:cNvPr>
          <p:cNvSpPr txBox="1"/>
          <p:nvPr/>
        </p:nvSpPr>
        <p:spPr>
          <a:xfrm>
            <a:off x="201218" y="5457335"/>
            <a:ext cx="1196477" cy="954107"/>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1 .Select the circle icon and draw “coins”</a:t>
            </a:r>
          </a:p>
        </p:txBody>
      </p:sp>
      <p:sp>
        <p:nvSpPr>
          <p:cNvPr id="8" name="TextBox 7">
            <a:extLst>
              <a:ext uri="{FF2B5EF4-FFF2-40B4-BE49-F238E27FC236}">
                <a16:creationId xmlns:a16="http://schemas.microsoft.com/office/drawing/2014/main" id="{1B7C1735-CA1C-BBD7-4DF3-96B3C6FB5632}"/>
              </a:ext>
            </a:extLst>
          </p:cNvPr>
          <p:cNvSpPr txBox="1"/>
          <p:nvPr/>
        </p:nvSpPr>
        <p:spPr>
          <a:xfrm>
            <a:off x="2948962" y="5445131"/>
            <a:ext cx="1453703" cy="954107"/>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3 . Use the paintbrush to draw a shamrock!</a:t>
            </a:r>
          </a:p>
        </p:txBody>
      </p:sp>
      <p:sp>
        <p:nvSpPr>
          <p:cNvPr id="9" name="TextBox 8">
            <a:extLst>
              <a:ext uri="{FF2B5EF4-FFF2-40B4-BE49-F238E27FC236}">
                <a16:creationId xmlns:a16="http://schemas.microsoft.com/office/drawing/2014/main" id="{5CA63F04-4B28-FB3F-C269-541C9796E583}"/>
              </a:ext>
            </a:extLst>
          </p:cNvPr>
          <p:cNvSpPr txBox="1"/>
          <p:nvPr/>
        </p:nvSpPr>
        <p:spPr>
          <a:xfrm>
            <a:off x="1470313" y="5457335"/>
            <a:ext cx="1406031" cy="954107"/>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2 . Use the bucket to fill the coins we drew as gold</a:t>
            </a:r>
          </a:p>
        </p:txBody>
      </p:sp>
      <p:sp>
        <p:nvSpPr>
          <p:cNvPr id="10" name="TextBox 9">
            <a:extLst>
              <a:ext uri="{FF2B5EF4-FFF2-40B4-BE49-F238E27FC236}">
                <a16:creationId xmlns:a16="http://schemas.microsoft.com/office/drawing/2014/main" id="{5A418C8A-E817-6D81-9E2D-84024B7A6FAC}"/>
              </a:ext>
            </a:extLst>
          </p:cNvPr>
          <p:cNvSpPr txBox="1"/>
          <p:nvPr/>
        </p:nvSpPr>
        <p:spPr>
          <a:xfrm>
            <a:off x="4472536" y="5449199"/>
            <a:ext cx="1523705" cy="954107"/>
          </a:xfrm>
          <a:prstGeom prst="rect">
            <a:avLst/>
          </a:prstGeom>
          <a:solidFill>
            <a:schemeClr val="bg1">
              <a:lumMod val="95000"/>
            </a:schemeClr>
          </a:solidFill>
        </p:spPr>
        <p:txBody>
          <a:bodyPr wrap="square" lIns="91440" tIns="45720" rIns="91440" bIns="45720" rtlCol="0" anchor="t">
            <a:spAutoFit/>
          </a:bodyPr>
          <a:lstStyle/>
          <a:p>
            <a:r>
              <a:rPr lang="en-IE" sz="1400" b="1">
                <a:solidFill>
                  <a:srgbClr val="00B050"/>
                </a:solidFill>
                <a:latin typeface="Ericsson Hilda Light"/>
              </a:rPr>
              <a:t>TIP: </a:t>
            </a:r>
            <a:r>
              <a:rPr lang="en-IE" sz="1400">
                <a:latin typeface="Ericsson Hilda Light"/>
              </a:rPr>
              <a:t>Use the “Fill” section to change the colour!</a:t>
            </a:r>
          </a:p>
          <a:p>
            <a:endParaRPr lang="en-IE" sz="1400">
              <a:latin typeface="Ericsson Hilda Light"/>
            </a:endParaRPr>
          </a:p>
        </p:txBody>
      </p:sp>
      <p:cxnSp>
        <p:nvCxnSpPr>
          <p:cNvPr id="33" name="Straight Arrow Connector 32">
            <a:extLst>
              <a:ext uri="{FF2B5EF4-FFF2-40B4-BE49-F238E27FC236}">
                <a16:creationId xmlns:a16="http://schemas.microsoft.com/office/drawing/2014/main" id="{BD56FFCD-02CF-6826-5B0B-57C790AA3C96}"/>
              </a:ext>
            </a:extLst>
          </p:cNvPr>
          <p:cNvCxnSpPr>
            <a:cxnSpLocks/>
            <a:stCxn id="7" idx="0"/>
          </p:cNvCxnSpPr>
          <p:nvPr/>
        </p:nvCxnSpPr>
        <p:spPr>
          <a:xfrm flipH="1" flipV="1">
            <a:off x="596396" y="5125616"/>
            <a:ext cx="203061" cy="331719"/>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a:extLst>
              <a:ext uri="{FF2B5EF4-FFF2-40B4-BE49-F238E27FC236}">
                <a16:creationId xmlns:a16="http://schemas.microsoft.com/office/drawing/2014/main" id="{BBD3F5FD-423F-FBA8-469F-26F528C7A8A5}"/>
              </a:ext>
            </a:extLst>
          </p:cNvPr>
          <p:cNvCxnSpPr>
            <a:cxnSpLocks/>
          </p:cNvCxnSpPr>
          <p:nvPr/>
        </p:nvCxnSpPr>
        <p:spPr>
          <a:xfrm flipH="1" flipV="1">
            <a:off x="627666" y="4091456"/>
            <a:ext cx="1311940" cy="1365111"/>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59B7E003-1383-518A-E12B-D72B29090C2E}"/>
              </a:ext>
            </a:extLst>
          </p:cNvPr>
          <p:cNvCxnSpPr>
            <a:cxnSpLocks/>
          </p:cNvCxnSpPr>
          <p:nvPr/>
        </p:nvCxnSpPr>
        <p:spPr>
          <a:xfrm flipH="1" flipV="1">
            <a:off x="640147" y="3346043"/>
            <a:ext cx="2721477" cy="2110524"/>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pic>
        <p:nvPicPr>
          <p:cNvPr id="12" name="Picture 11">
            <a:extLst>
              <a:ext uri="{FF2B5EF4-FFF2-40B4-BE49-F238E27FC236}">
                <a16:creationId xmlns:a16="http://schemas.microsoft.com/office/drawing/2014/main" id="{5A5E07F8-F572-C305-079C-D22FDF65336B}"/>
              </a:ext>
            </a:extLst>
          </p:cNvPr>
          <p:cNvPicPr>
            <a:picLocks noChangeAspect="1"/>
          </p:cNvPicPr>
          <p:nvPr/>
        </p:nvPicPr>
        <p:blipFill>
          <a:blip r:embed="rId8"/>
          <a:stretch>
            <a:fillRect/>
          </a:stretch>
        </p:blipFill>
        <p:spPr>
          <a:xfrm>
            <a:off x="6066491" y="1332551"/>
            <a:ext cx="3663244" cy="1869868"/>
          </a:xfrm>
          <a:prstGeom prst="rect">
            <a:avLst/>
          </a:prstGeom>
        </p:spPr>
      </p:pic>
      <p:sp>
        <p:nvSpPr>
          <p:cNvPr id="13" name="TextBox 12">
            <a:extLst>
              <a:ext uri="{FF2B5EF4-FFF2-40B4-BE49-F238E27FC236}">
                <a16:creationId xmlns:a16="http://schemas.microsoft.com/office/drawing/2014/main" id="{C5DC9429-DE22-47C7-932C-B1576D1E0CAF}"/>
              </a:ext>
            </a:extLst>
          </p:cNvPr>
          <p:cNvSpPr txBox="1"/>
          <p:nvPr/>
        </p:nvSpPr>
        <p:spPr>
          <a:xfrm>
            <a:off x="6058665" y="3206053"/>
            <a:ext cx="3663299" cy="738664"/>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Hover over the Cat icon in the bottom right of your screen. On the pop up menu select the paintbrush “Paint”.</a:t>
            </a:r>
          </a:p>
        </p:txBody>
      </p:sp>
      <p:sp>
        <p:nvSpPr>
          <p:cNvPr id="44" name="TextBox 43">
            <a:extLst>
              <a:ext uri="{FF2B5EF4-FFF2-40B4-BE49-F238E27FC236}">
                <a16:creationId xmlns:a16="http://schemas.microsoft.com/office/drawing/2014/main" id="{C524B7DA-12DA-3CD8-D8C9-39207C69A205}"/>
              </a:ext>
            </a:extLst>
          </p:cNvPr>
          <p:cNvSpPr txBox="1"/>
          <p:nvPr/>
        </p:nvSpPr>
        <p:spPr>
          <a:xfrm>
            <a:off x="6056111" y="6050545"/>
            <a:ext cx="3664067" cy="307777"/>
          </a:xfrm>
          <a:prstGeom prst="rect">
            <a:avLst/>
          </a:prstGeom>
          <a:solidFill>
            <a:schemeClr val="bg1">
              <a:lumMod val="95000"/>
            </a:schemeClr>
          </a:solidFill>
        </p:spPr>
        <p:txBody>
          <a:bodyPr wrap="square" rtlCol="0">
            <a:spAutoFit/>
          </a:bodyPr>
          <a:lstStyle/>
          <a:p>
            <a:r>
              <a:rPr lang="en-IE" sz="1400">
                <a:latin typeface="Ericsson Hilda Light" panose="00000400000000000000" pitchFamily="2" charset="0"/>
              </a:rPr>
              <a:t>This Screen will pop-up!</a:t>
            </a:r>
          </a:p>
        </p:txBody>
      </p:sp>
      <p:pic>
        <p:nvPicPr>
          <p:cNvPr id="46" name="Picture 45">
            <a:extLst>
              <a:ext uri="{FF2B5EF4-FFF2-40B4-BE49-F238E27FC236}">
                <a16:creationId xmlns:a16="http://schemas.microsoft.com/office/drawing/2014/main" id="{E0F8255E-A36F-9902-3089-1FB35622A420}"/>
              </a:ext>
            </a:extLst>
          </p:cNvPr>
          <p:cNvPicPr>
            <a:picLocks noChangeAspect="1"/>
          </p:cNvPicPr>
          <p:nvPr/>
        </p:nvPicPr>
        <p:blipFill>
          <a:blip r:embed="rId9"/>
          <a:stretch>
            <a:fillRect/>
          </a:stretch>
        </p:blipFill>
        <p:spPr>
          <a:xfrm>
            <a:off x="6058665" y="3980811"/>
            <a:ext cx="3662464" cy="2069734"/>
          </a:xfrm>
          <a:prstGeom prst="rect">
            <a:avLst/>
          </a:prstGeom>
        </p:spPr>
      </p:pic>
      <p:sp>
        <p:nvSpPr>
          <p:cNvPr id="47" name="Rectangle 46">
            <a:extLst>
              <a:ext uri="{FF2B5EF4-FFF2-40B4-BE49-F238E27FC236}">
                <a16:creationId xmlns:a16="http://schemas.microsoft.com/office/drawing/2014/main" id="{F9D86D6C-E438-57DA-55B0-A69EEE03C284}"/>
              </a:ext>
            </a:extLst>
          </p:cNvPr>
          <p:cNvSpPr>
            <a:spLocks/>
          </p:cNvSpPr>
          <p:nvPr/>
        </p:nvSpPr>
        <p:spPr>
          <a:xfrm>
            <a:off x="263227" y="992868"/>
            <a:ext cx="5316480" cy="340157"/>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Edit The Bowl</a:t>
            </a:r>
          </a:p>
        </p:txBody>
      </p:sp>
      <p:cxnSp>
        <p:nvCxnSpPr>
          <p:cNvPr id="43" name="Straight Arrow Connector 42">
            <a:extLst>
              <a:ext uri="{FF2B5EF4-FFF2-40B4-BE49-F238E27FC236}">
                <a16:creationId xmlns:a16="http://schemas.microsoft.com/office/drawing/2014/main" id="{BD20F8D3-8795-F373-78BD-A40B9A790622}"/>
              </a:ext>
            </a:extLst>
          </p:cNvPr>
          <p:cNvCxnSpPr>
            <a:cxnSpLocks/>
          </p:cNvCxnSpPr>
          <p:nvPr/>
        </p:nvCxnSpPr>
        <p:spPr>
          <a:xfrm flipH="1" flipV="1">
            <a:off x="596396" y="2136297"/>
            <a:ext cx="4356604" cy="3320270"/>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48" name="Rectangle 47">
            <a:extLst>
              <a:ext uri="{FF2B5EF4-FFF2-40B4-BE49-F238E27FC236}">
                <a16:creationId xmlns:a16="http://schemas.microsoft.com/office/drawing/2014/main" id="{7B1FA2B2-0FE3-02B2-0399-E49B80D675D5}"/>
              </a:ext>
            </a:extLst>
          </p:cNvPr>
          <p:cNvSpPr>
            <a:spLocks/>
          </p:cNvSpPr>
          <p:nvPr/>
        </p:nvSpPr>
        <p:spPr>
          <a:xfrm>
            <a:off x="6058667" y="990150"/>
            <a:ext cx="3661511" cy="342401"/>
          </a:xfrm>
          <a:prstGeom prst="rect">
            <a:avLst/>
          </a:prstGeom>
          <a:solidFill>
            <a:schemeClr val="accent6">
              <a:lumMod val="75000"/>
            </a:schemeClr>
          </a:solidFill>
        </p:spPr>
        <p:txBody>
          <a:bodyPr wrap="square" anchor="ctr">
            <a:spAutoFit/>
          </a:bodyPr>
          <a:lstStyle/>
          <a:p>
            <a:pPr marL="0" lvl="1" algn="ctr" defTabSz="742913">
              <a:defRPr/>
            </a:pPr>
            <a:r>
              <a:rPr lang="en-US" sz="1625">
                <a:solidFill>
                  <a:schemeClr val="bg1"/>
                </a:solidFill>
                <a:latin typeface="Ericsson Hilda"/>
              </a:rPr>
              <a:t>Create your own Sprite!</a:t>
            </a:r>
          </a:p>
        </p:txBody>
      </p:sp>
    </p:spTree>
    <p:custDataLst>
      <p:tags r:id="rId1"/>
    </p:custDataLst>
    <p:extLst>
      <p:ext uri="{BB962C8B-B14F-4D97-AF65-F5344CB8AC3E}">
        <p14:creationId xmlns:p14="http://schemas.microsoft.com/office/powerpoint/2010/main" val="230984249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80020036094112"/>
</p:tagLst>
</file>

<file path=ppt/tags/tag10.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11.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2.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3.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4.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5.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6.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7.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8.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9.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heme/theme1.xml><?xml version="1.0" encoding="utf-8"?>
<a:theme xmlns:a="http://schemas.openxmlformats.org/drawingml/2006/main" name="Office 2013 - 2022 Theme">
  <a:themeElements>
    <a:clrScheme name="Office 2013 - 2022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2013 - 2022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2013 - 2022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2013 - 2022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04B3D2B033AF974EB908779DFEF5E727" ma:contentTypeVersion="18" ma:contentTypeDescription="Create a new document." ma:contentTypeScope="" ma:versionID="5f45a23dba963085844d27abeb943c3b">
  <xsd:schema xmlns:xsd="http://www.w3.org/2001/XMLSchema" xmlns:xs="http://www.w3.org/2001/XMLSchema" xmlns:p="http://schemas.microsoft.com/office/2006/metadata/properties" xmlns:ns2="be8d4a36-44d6-40a9-9222-6158e50407c8" xmlns:ns3="752e0c9b-a528-4fd9-af16-b6c54ede5654" xmlns:ns4="d8762117-8292-4133-b1c7-eab5c6487cfd" targetNamespace="http://schemas.microsoft.com/office/2006/metadata/properties" ma:root="true" ma:fieldsID="728d0b634a1cdf444f6d114371a914e8" ns2:_="" ns3:_="" ns4:_="">
    <xsd:import namespace="be8d4a36-44d6-40a9-9222-6158e50407c8"/>
    <xsd:import namespace="752e0c9b-a528-4fd9-af16-b6c54ede5654"/>
    <xsd:import namespace="d8762117-8292-4133-b1c7-eab5c6487cfd"/>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element ref="ns2:MediaServiceDateTaken" minOccurs="0"/>
                <xsd:element ref="ns2:MediaLengthInSeconds" minOccurs="0"/>
                <xsd:element ref="ns2:lcf76f155ced4ddcb4097134ff3c332f" minOccurs="0"/>
                <xsd:element ref="ns4:TaxCatchAll" minOccurs="0"/>
                <xsd:element ref="ns2:MediaServiceOCR" minOccurs="0"/>
                <xsd:element ref="ns2:MediaServiceGenerationTime" minOccurs="0"/>
                <xsd:element ref="ns2:MediaServiceEventHashCode" minOccurs="0"/>
                <xsd:element ref="ns2:MediaServiceLocation" minOccurs="0"/>
                <xsd:element ref="ns2:MediaServiceObjectDetectorVersions" minOccurs="0"/>
                <xsd:element ref="ns2:MediaServiceSearchProperties" minOccurs="0"/>
                <xsd:element ref="ns2:MediaServiceBilling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e8d4a36-44d6-40a9-9222-6158e50407c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4" nillable="true" ma:displayName="MediaServiceDateTaken" ma:hidden="true" ma:internalName="MediaServiceDateTaken" ma:readOnly="true">
      <xsd:simpleType>
        <xsd:restriction base="dms:Text"/>
      </xsd:simpleType>
    </xsd:element>
    <xsd:element name="MediaLengthInSeconds" ma:index="15" nillable="true" ma:displayName="MediaLengthInSeconds" ma:hidden="true" ma:internalName="MediaLengthInSeconds" ma:readOnly="true">
      <xsd:simpleType>
        <xsd:restriction base="dms:Unknown"/>
      </xsd:simpleType>
    </xsd:element>
    <xsd:element name="lcf76f155ced4ddcb4097134ff3c332f" ma:index="17" nillable="true" ma:taxonomy="true" ma:internalName="lcf76f155ced4ddcb4097134ff3c332f" ma:taxonomyFieldName="MediaServiceImageTags" ma:displayName="Image Tags" ma:readOnly="false" ma:fieldId="{5cf76f15-5ced-4ddc-b409-7134ff3c332f}" ma:taxonomyMulti="true" ma:sspId="c3d31b72-c4b9-4223-ac69-1d9539891dc8" ma:termSetId="09814cd3-568e-fe90-9814-8d621ff8fb84" ma:anchorId="fba54fb3-c3e1-fe81-a776-ca4b69148c4d" ma:open="true" ma:isKeyword="false">
      <xsd:complexType>
        <xsd:sequence>
          <xsd:element ref="pc:Terms" minOccurs="0" maxOccurs="1"/>
        </xsd:sequence>
      </xsd:complexType>
    </xsd:element>
    <xsd:element name="MediaServiceOCR" ma:index="19" nillable="true" ma:displayName="Extracted Text" ma:internalName="MediaServiceOCR" ma:readOnly="true">
      <xsd:simpleType>
        <xsd:restriction base="dms:Note">
          <xsd:maxLength value="255"/>
        </xsd:restriction>
      </xsd:simpleType>
    </xsd:element>
    <xsd:element name="MediaServiceGenerationTime" ma:index="20" nillable="true" ma:displayName="MediaServiceGenerationTime" ma:hidden="true" ma:internalName="MediaServiceGenerationTime" ma:readOnly="true">
      <xsd:simpleType>
        <xsd:restriction base="dms:Text"/>
      </xsd:simpleType>
    </xsd:element>
    <xsd:element name="MediaServiceEventHashCode" ma:index="21" nillable="true" ma:displayName="MediaServiceEventHashCode" ma:hidden="true" ma:internalName="MediaServiceEventHashCode" ma:readOnly="true">
      <xsd:simpleType>
        <xsd:restriction base="dms:Text"/>
      </xsd:simpleType>
    </xsd:element>
    <xsd:element name="MediaServiceLocation" ma:index="22" nillable="true" ma:displayName="Location" ma:indexed="true" ma:internalName="MediaServiceLocation" ma:readOnly="true">
      <xsd:simpleType>
        <xsd:restriction base="dms:Text"/>
      </xsd:simpleType>
    </xsd:element>
    <xsd:element name="MediaServiceObjectDetectorVersions" ma:index="23" nillable="true" ma:displayName="MediaServiceObjectDetectorVersions" ma:hidden="true" ma:indexed="true" ma:internalName="MediaServiceObjectDetectorVersions" ma:readOnly="true">
      <xsd:simpleType>
        <xsd:restriction base="dms:Text"/>
      </xsd:simpleType>
    </xsd:element>
    <xsd:element name="MediaServiceSearchProperties" ma:index="24" nillable="true" ma:displayName="MediaServiceSearchProperties" ma:hidden="true" ma:internalName="MediaServiceSearchProperties" ma:readOnly="true">
      <xsd:simpleType>
        <xsd:restriction base="dms:Note"/>
      </xsd:simpleType>
    </xsd:element>
    <xsd:element name="MediaServiceBillingMetadata" ma:index="25" nillable="true" ma:displayName="MediaServiceBillingMetadata" ma:hidden="true" ma:internalName="MediaServiceBilling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752e0c9b-a528-4fd9-af16-b6c54ede5654"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8762117-8292-4133-b1c7-eab5c6487cfd" elementFormDefault="qualified">
    <xsd:import namespace="http://schemas.microsoft.com/office/2006/documentManagement/types"/>
    <xsd:import namespace="http://schemas.microsoft.com/office/infopath/2007/PartnerControls"/>
    <xsd:element name="TaxCatchAll" ma:index="18" nillable="true" ma:displayName="Taxonomy Catch All Column" ma:hidden="true" ma:list="{2ff37988-01f9-4197-9684-fe474ca3cb2b}" ma:internalName="TaxCatchAll" ma:showField="CatchAllData" ma:web="752e0c9b-a528-4fd9-af16-b6c54ede565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be8d4a36-44d6-40a9-9222-6158e50407c8">
      <Terms xmlns="http://schemas.microsoft.com/office/infopath/2007/PartnerControls"/>
    </lcf76f155ced4ddcb4097134ff3c332f>
    <TaxCatchAll xmlns="d8762117-8292-4133-b1c7-eab5c6487cfd" xsi:nil="true"/>
    <SharedWithUsers xmlns="752e0c9b-a528-4fd9-af16-b6c54ede5654">
      <UserInfo>
        <DisplayName/>
        <AccountId xsi:nil="true"/>
        <AccountType/>
      </UserInfo>
    </SharedWithUser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B9E1472-ECB9-4C97-87B9-C76AF412050A}">
  <ds:schemaRefs>
    <ds:schemaRef ds:uri="752e0c9b-a528-4fd9-af16-b6c54ede5654"/>
    <ds:schemaRef ds:uri="be8d4a36-44d6-40a9-9222-6158e50407c8"/>
    <ds:schemaRef ds:uri="d8762117-8292-4133-b1c7-eab5c6487cfd"/>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2424ED8D-7493-4D7F-9B76-6451B577476C}">
  <ds:schemaRefs>
    <ds:schemaRef ds:uri="752e0c9b-a528-4fd9-af16-b6c54ede5654"/>
    <ds:schemaRef ds:uri="be8d4a36-44d6-40a9-9222-6158e50407c8"/>
    <ds:schemaRef ds:uri="d8762117-8292-4133-b1c7-eab5c6487cfd"/>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3.xml><?xml version="1.0" encoding="utf-8"?>
<ds:datastoreItem xmlns:ds="http://schemas.openxmlformats.org/officeDocument/2006/customXml" ds:itemID="{13ED50DD-68AA-47F9-BA86-5A2E1736661D}">
  <ds:schemaRefs>
    <ds:schemaRef ds:uri="http://schemas.microsoft.com/sharepoint/v3/contenttype/forms"/>
  </ds:schemaRefs>
</ds:datastoreItem>
</file>

<file path=docMetadata/LabelInfo.xml><?xml version="1.0" encoding="utf-8"?>
<clbl:labelList xmlns:clbl="http://schemas.microsoft.com/office/2020/mipLabelMetadata">
  <clbl:label id="{92e84ceb-fbfd-47ab-be52-080c6b87953f}" enabled="0" method="" siteId="{92e84ceb-fbfd-47ab-be52-080c6b87953f}" removed="1"/>
</clbl:labelList>
</file>

<file path=docProps/app.xml><?xml version="1.0" encoding="utf-8"?>
<Properties xmlns="http://schemas.openxmlformats.org/officeDocument/2006/extended-properties" xmlns:vt="http://schemas.openxmlformats.org/officeDocument/2006/docPropsVTypes">
  <Template>Office 2013 - 2022 Theme</Template>
  <Application>Microsoft Office PowerPoint</Application>
  <PresentationFormat>A4 Paper (210x297 mm)</PresentationFormat>
  <Slides>13</Slides>
  <Notes>1</Notes>
  <HiddenSlides>0</HiddenSlides>
  <ScaleCrop>false</ScaleCrop>
  <HeadingPairs>
    <vt:vector size="4" baseType="variant">
      <vt:variant>
        <vt:lpstr>Theme</vt:lpstr>
      </vt:variant>
      <vt:variant>
        <vt:i4>1</vt:i4>
      </vt:variant>
      <vt:variant>
        <vt:lpstr>Slide Titles</vt:lpstr>
      </vt:variant>
      <vt:variant>
        <vt:i4>13</vt:i4>
      </vt:variant>
    </vt:vector>
  </HeadingPairs>
  <TitlesOfParts>
    <vt:vector size="14" baseType="lpstr">
      <vt:lpstr>Office 2013 - 2022 Theme</vt:lpstr>
      <vt:lpstr>PowerPoint Presentation</vt:lpstr>
      <vt:lpstr>Happy St. Patrick’s Day – level 1 Curriculum Connect: St. Patrick’s Day. STEM - Technology – coding. English sentence structure and convers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Ericss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appy Valentine’s Day– level 1 Curriculum Connect: Valentine’s Day. STEM - Technology - coding </dc:title>
  <dc:creator>Elizabeth Clinton</dc:creator>
  <cp:revision>1</cp:revision>
  <cp:lastPrinted>2025-11-11T11:31:40Z</cp:lastPrinted>
  <dcterms:created xsi:type="dcterms:W3CDTF">2025-02-03T13:39:06Z</dcterms:created>
  <dcterms:modified xsi:type="dcterms:W3CDTF">2026-02-18T15:29:1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4B3D2B033AF974EB908779DFEF5E727</vt:lpwstr>
  </property>
  <property fmtid="{D5CDD505-2E9C-101B-9397-08002B2CF9AE}" pid="3" name="MediaServiceImageTags">
    <vt:lpwstr/>
  </property>
  <property fmtid="{D5CDD505-2E9C-101B-9397-08002B2CF9AE}" pid="4" name="Order">
    <vt:r8>259000</vt:r8>
  </property>
  <property fmtid="{D5CDD505-2E9C-101B-9397-08002B2CF9AE}" pid="5" name="xd_Signature">
    <vt:bool>false</vt:bool>
  </property>
  <property fmtid="{D5CDD505-2E9C-101B-9397-08002B2CF9AE}" pid="6" name="xd_ProgID">
    <vt:lpwstr/>
  </property>
  <property fmtid="{D5CDD505-2E9C-101B-9397-08002B2CF9AE}" pid="7" name="ComplianceAssetId">
    <vt:lpwstr/>
  </property>
  <property fmtid="{D5CDD505-2E9C-101B-9397-08002B2CF9AE}" pid="8" name="TemplateUrl">
    <vt:lpwstr/>
  </property>
  <property fmtid="{D5CDD505-2E9C-101B-9397-08002B2CF9AE}" pid="9" name="_ExtendedDescription">
    <vt:lpwstr/>
  </property>
  <property fmtid="{D5CDD505-2E9C-101B-9397-08002B2CF9AE}" pid="10" name="TriggerFlowInfo">
    <vt:lpwstr/>
  </property>
</Properties>
</file>